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03tuika\02keieihikakubunsekihyo-ku-kouei\"/>
    </mc:Choice>
  </mc:AlternateContent>
  <workbookProtection workbookAlgorithmName="SHA-512" workbookHashValue="b7fepwsRD/Qvpqgc6Cw+TBRj6tUDZT6fr0QvFUZ1Mgd/sd2ZDNokPRiTJ4meepD14AEeWjclZsDaTJjiCHjtMw==" workbookSaltValue="5p6zktEcHjlyHzhV7mNyew==" workbookSpinCount="100000" lockStructure="1"/>
  <bookViews>
    <workbookView xWindow="0" yWindow="0" windowWidth="20496" windowHeight="7632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DR7" i="5"/>
  <c r="DQ7" i="5"/>
  <c r="DP7" i="5"/>
  <c r="DO7" i="5"/>
  <c r="DN7" i="5"/>
  <c r="DM7" i="5"/>
  <c r="DL7" i="5"/>
  <c r="DK7" i="5"/>
  <c r="DI7" i="5"/>
  <c r="DH7" i="5"/>
  <c r="DG7" i="5"/>
  <c r="DF7" i="5"/>
  <c r="DE7" i="5"/>
  <c r="DD7" i="5"/>
  <c r="DC7" i="5"/>
  <c r="DB7" i="5"/>
  <c r="DA7" i="5"/>
  <c r="CZ7" i="5"/>
  <c r="CN7" i="5"/>
  <c r="CM7" i="5"/>
  <c r="BZ7" i="5"/>
  <c r="BY7" i="5"/>
  <c r="BX7" i="5"/>
  <c r="BW7" i="5"/>
  <c r="BV7" i="5"/>
  <c r="BU7" i="5"/>
  <c r="BT7" i="5"/>
  <c r="BS7" i="5"/>
  <c r="BR7" i="5"/>
  <c r="BQ7" i="5"/>
  <c r="BO7" i="5"/>
  <c r="BN7" i="5"/>
  <c r="BM7" i="5"/>
  <c r="BL7" i="5"/>
  <c r="BK7" i="5"/>
  <c r="BJ7" i="5"/>
  <c r="BI7" i="5"/>
  <c r="BH7" i="5"/>
  <c r="BG7" i="5"/>
  <c r="BF7" i="5"/>
  <c r="BD7" i="5"/>
  <c r="BC7" i="5"/>
  <c r="BB7" i="5"/>
  <c r="BA7" i="5"/>
  <c r="AZ7" i="5"/>
  <c r="AY7" i="5"/>
  <c r="AX7" i="5"/>
  <c r="AW7" i="5"/>
  <c r="AV7" i="5"/>
  <c r="AU7" i="5"/>
  <c r="AS7" i="5"/>
  <c r="AR7" i="5"/>
  <c r="AQ7" i="5"/>
  <c r="AP7" i="5"/>
  <c r="AO7" i="5"/>
  <c r="AN7" i="5"/>
  <c r="AM7" i="5"/>
  <c r="AL7" i="5"/>
  <c r="AK7" i="5"/>
  <c r="AJ7" i="5"/>
  <c r="AH7" i="5"/>
  <c r="AG7" i="5"/>
  <c r="AF7" i="5"/>
  <c r="AE7" i="5"/>
  <c r="AD7" i="5"/>
  <c r="AC7" i="5"/>
  <c r="AB7" i="5"/>
  <c r="AA7" i="5"/>
  <c r="Z7" i="5"/>
  <c r="Y7" i="5"/>
  <c r="X7" i="5"/>
  <c r="W7" i="5"/>
  <c r="V7" i="5"/>
  <c r="U7" i="5"/>
  <c r="T7" i="5"/>
  <c r="S7" i="5"/>
  <c r="R7" i="5"/>
  <c r="Q7" i="5"/>
  <c r="P7" i="5"/>
  <c r="O7" i="5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G88" i="4" s="1"/>
  <c r="BZ6" i="5"/>
  <c r="BY6" i="5"/>
  <c r="BX6" i="5"/>
  <c r="BW6" i="5"/>
  <c r="BV6" i="5"/>
  <c r="BU6" i="5"/>
  <c r="BT6" i="5"/>
  <c r="BS6" i="5"/>
  <c r="BR6" i="5"/>
  <c r="BQ6" i="5"/>
  <c r="BP6" i="5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B88" i="4" s="1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F88" i="4"/>
  <c r="E88" i="4"/>
  <c r="D88" i="4"/>
  <c r="C88" i="4"/>
  <c r="MI78" i="4"/>
  <c r="LT78" i="4"/>
  <c r="LE78" i="4"/>
  <c r="KP78" i="4"/>
  <c r="KA78" i="4"/>
  <c r="IT78" i="4"/>
  <c r="IE78" i="4"/>
  <c r="HP78" i="4"/>
  <c r="HA78" i="4"/>
  <c r="GL78" i="4"/>
  <c r="BZ78" i="4"/>
  <c r="BK78" i="4"/>
  <c r="AV78" i="4"/>
  <c r="AG78" i="4"/>
  <c r="R78" i="4"/>
  <c r="MI77" i="4"/>
  <c r="LT77" i="4"/>
  <c r="LE77" i="4"/>
  <c r="KP77" i="4"/>
  <c r="KA77" i="4"/>
  <c r="IT77" i="4"/>
  <c r="IE77" i="4"/>
  <c r="HP77" i="4"/>
  <c r="HA77" i="4"/>
  <c r="GL77" i="4"/>
  <c r="BZ77" i="4"/>
  <c r="BK77" i="4"/>
  <c r="AV77" i="4"/>
  <c r="AG77" i="4"/>
  <c r="R77" i="4"/>
  <c r="CV76" i="4"/>
  <c r="CV67" i="4"/>
  <c r="MA53" i="4"/>
  <c r="LH53" i="4"/>
  <c r="KO53" i="4"/>
  <c r="JV53" i="4"/>
  <c r="JC53" i="4"/>
  <c r="HJ53" i="4"/>
  <c r="GQ53" i="4"/>
  <c r="FX53" i="4"/>
  <c r="FE53" i="4"/>
  <c r="EL53" i="4"/>
  <c r="CS53" i="4"/>
  <c r="BZ53" i="4"/>
  <c r="BG53" i="4"/>
  <c r="AN53" i="4"/>
  <c r="U53" i="4"/>
  <c r="MA52" i="4"/>
  <c r="LH52" i="4"/>
  <c r="KO52" i="4"/>
  <c r="JV52" i="4"/>
  <c r="JC52" i="4"/>
  <c r="HJ52" i="4"/>
  <c r="GQ52" i="4"/>
  <c r="FX52" i="4"/>
  <c r="FE52" i="4"/>
  <c r="EL52" i="4"/>
  <c r="CS52" i="4"/>
  <c r="BZ52" i="4"/>
  <c r="BG52" i="4"/>
  <c r="AN52" i="4"/>
  <c r="U52" i="4"/>
  <c r="MA32" i="4"/>
  <c r="LH32" i="4"/>
  <c r="KO32" i="4"/>
  <c r="JV32" i="4"/>
  <c r="JC32" i="4"/>
  <c r="HJ32" i="4"/>
  <c r="GQ32" i="4"/>
  <c r="FX32" i="4"/>
  <c r="FE32" i="4"/>
  <c r="EL32" i="4"/>
  <c r="CS32" i="4"/>
  <c r="BZ32" i="4"/>
  <c r="BG32" i="4"/>
  <c r="AN32" i="4"/>
  <c r="U32" i="4"/>
  <c r="MA31" i="4"/>
  <c r="LH31" i="4"/>
  <c r="KO31" i="4"/>
  <c r="JV31" i="4"/>
  <c r="JC31" i="4"/>
  <c r="HJ31" i="4"/>
  <c r="GQ31" i="4"/>
  <c r="FX31" i="4"/>
  <c r="FE31" i="4"/>
  <c r="EL31" i="4"/>
  <c r="CS31" i="4"/>
  <c r="BZ31" i="4"/>
  <c r="BG31" i="4"/>
  <c r="AN31" i="4"/>
  <c r="U31" i="4"/>
  <c r="LJ10" i="4"/>
  <c r="JQ10" i="4"/>
  <c r="HX10" i="4"/>
  <c r="DU10" i="4"/>
  <c r="CF10" i="4"/>
  <c r="B10" i="4"/>
  <c r="LJ8" i="4"/>
  <c r="JQ8" i="4"/>
  <c r="HX8" i="4"/>
  <c r="FJ8" i="4"/>
  <c r="DU8" i="4"/>
  <c r="CF8" i="4"/>
  <c r="AQ8" i="4"/>
  <c r="B8" i="4"/>
  <c r="B6" i="4"/>
  <c r="MI76" i="4" l="1"/>
  <c r="HJ51" i="4"/>
  <c r="MA30" i="4"/>
  <c r="IT76" i="4"/>
  <c r="HJ30" i="4"/>
  <c r="CS51" i="4"/>
  <c r="CS30" i="4"/>
  <c r="BZ76" i="4"/>
  <c r="MA51" i="4"/>
  <c r="C11" i="5"/>
  <c r="D11" i="5"/>
  <c r="E11" i="5"/>
  <c r="B11" i="5"/>
  <c r="BK76" i="4" l="1"/>
  <c r="LH51" i="4"/>
  <c r="LT76" i="4"/>
  <c r="GQ51" i="4"/>
  <c r="LH30" i="4"/>
  <c r="BZ51" i="4"/>
  <c r="GQ30" i="4"/>
  <c r="IE76" i="4"/>
  <c r="BZ30" i="4"/>
  <c r="BG51" i="4"/>
  <c r="FX30" i="4"/>
  <c r="BG30" i="4"/>
  <c r="KO30" i="4"/>
  <c r="AV76" i="4"/>
  <c r="KO51" i="4"/>
  <c r="LE76" i="4"/>
  <c r="FX51" i="4"/>
  <c r="HP76" i="4"/>
  <c r="HA76" i="4"/>
  <c r="AN51" i="4"/>
  <c r="FE30" i="4"/>
  <c r="AN30" i="4"/>
  <c r="FE51" i="4"/>
  <c r="JV51" i="4"/>
  <c r="KP76" i="4"/>
  <c r="JV30" i="4"/>
  <c r="AG76" i="4"/>
  <c r="R76" i="4"/>
  <c r="KA76" i="4"/>
  <c r="EL51" i="4"/>
  <c r="JC30" i="4"/>
  <c r="GL76" i="4"/>
  <c r="U51" i="4"/>
  <c r="EL30" i="4"/>
  <c r="JC51" i="4"/>
  <c r="U30" i="4"/>
</calcChain>
</file>

<file path=xl/sharedStrings.xml><?xml version="1.0" encoding="utf-8"?>
<sst xmlns="http://schemas.openxmlformats.org/spreadsheetml/2006/main" count="277" uniqueCount="145">
  <si>
    <t>経営比較分析表（令和2年度決算）</t>
    <rPh sb="8" eb="10">
      <t>レイワ</t>
    </rPh>
    <rPh sb="11" eb="13">
      <t>ネンド</t>
    </rPh>
    <rPh sb="12" eb="13">
      <t>ド</t>
    </rPh>
    <rPh sb="13" eb="15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令和2年度全国平均</t>
    <rPh sb="0" eb="2">
      <t>レイワ</t>
    </rPh>
    <rPh sb="3" eb="5">
      <t>ネンド</t>
    </rPh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3.利用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当該値(N-4)</t>
    <phoneticPr fontId="5"/>
  </si>
  <si>
    <t>当該値(N-3)</t>
    <phoneticPr fontId="5"/>
  </si>
  <si>
    <t>当該値(N-2)</t>
    <phoneticPr fontId="5"/>
  </si>
  <si>
    <t>当該値(N)</t>
    <phoneticPr fontId="5"/>
  </si>
  <si>
    <t>当該値(N-2)</t>
    <phoneticPr fontId="5"/>
  </si>
  <si>
    <t>当該値(N)</t>
    <phoneticPr fontId="5"/>
  </si>
  <si>
    <t>当該値(N-4)</t>
    <phoneticPr fontId="5"/>
  </si>
  <si>
    <t>当該値(N-2)</t>
    <phoneticPr fontId="5"/>
  </si>
  <si>
    <t>当該値(N-1)</t>
    <phoneticPr fontId="5"/>
  </si>
  <si>
    <t>当該値(N-4)</t>
    <phoneticPr fontId="5"/>
  </si>
  <si>
    <t>当該値(N-3)</t>
    <phoneticPr fontId="5"/>
  </si>
  <si>
    <t>グラフ参照用</t>
    <rPh sb="3" eb="6">
      <t>サンショウヨウ</t>
    </rPh>
    <phoneticPr fontId="5"/>
  </si>
  <si>
    <t xml:space="preserve"> </t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 xml:space="preserve"> </t>
    <phoneticPr fontId="5"/>
  </si>
  <si>
    <t xml:space="preserve"> </t>
    <phoneticPr fontId="5"/>
  </si>
  <si>
    <t>東京都　中央区</t>
  </si>
  <si>
    <t>銀座地下駐車場</t>
  </si>
  <si>
    <t>法非適用</t>
  </si>
  <si>
    <t>駐車場整備事業</t>
  </si>
  <si>
    <t>-</t>
  </si>
  <si>
    <t>Ａ２Ｂ２</t>
  </si>
  <si>
    <t>非設置</t>
  </si>
  <si>
    <t>該当数値なし</t>
  </si>
  <si>
    <t>都市計画駐車場 届出駐車場</t>
  </si>
  <si>
    <t>地下式</t>
  </si>
  <si>
    <t>公共施設</t>
  </si>
  <si>
    <t>有</t>
  </si>
  <si>
    <t>無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　使用料の減により、収益的収支比率、売上高ＧＯＰ比率、ＥＢＩＴＤＡすべての数値が減少に転じた。</t>
    <rPh sb="1" eb="4">
      <t>シヨウリョウ</t>
    </rPh>
    <rPh sb="5" eb="6">
      <t>ゲン</t>
    </rPh>
    <rPh sb="10" eb="13">
      <t>シュウエキテキ</t>
    </rPh>
    <rPh sb="13" eb="15">
      <t>シュウシ</t>
    </rPh>
    <rPh sb="15" eb="17">
      <t>ヒリツ</t>
    </rPh>
    <rPh sb="18" eb="20">
      <t>ウリアゲ</t>
    </rPh>
    <rPh sb="20" eb="21">
      <t>ダカ</t>
    </rPh>
    <rPh sb="24" eb="26">
      <t>ヒリツ</t>
    </rPh>
    <rPh sb="37" eb="39">
      <t>スウチ</t>
    </rPh>
    <rPh sb="40" eb="42">
      <t>ゲンショウ</t>
    </rPh>
    <rPh sb="43" eb="44">
      <t>テン</t>
    </rPh>
    <phoneticPr fontId="5"/>
  </si>
  <si>
    <t>　新型コロナウイルスの感染症の影響により、一時利用台数が昨年度に比べ大きく減少したたため、稼働率も減少した。</t>
    <rPh sb="1" eb="3">
      <t>シンガタ</t>
    </rPh>
    <rPh sb="11" eb="14">
      <t>カンセンショウ</t>
    </rPh>
    <rPh sb="15" eb="17">
      <t>エイキョウ</t>
    </rPh>
    <rPh sb="21" eb="23">
      <t>イチジ</t>
    </rPh>
    <rPh sb="23" eb="25">
      <t>リヨウ</t>
    </rPh>
    <rPh sb="25" eb="27">
      <t>ダイスウ</t>
    </rPh>
    <rPh sb="28" eb="31">
      <t>サクネンド</t>
    </rPh>
    <rPh sb="32" eb="33">
      <t>クラ</t>
    </rPh>
    <rPh sb="34" eb="35">
      <t>オオ</t>
    </rPh>
    <rPh sb="37" eb="39">
      <t>ゲンショウ</t>
    </rPh>
    <rPh sb="45" eb="47">
      <t>カドウ</t>
    </rPh>
    <rPh sb="47" eb="48">
      <t>リツ</t>
    </rPh>
    <rPh sb="49" eb="51">
      <t>ゲンショウ</t>
    </rPh>
    <phoneticPr fontId="5"/>
  </si>
  <si>
    <t>　収益的収支比率や売上高ＧＯＰ比率などは減少に転じており、来年度についても、設備などの改修工事が予定されているため、更なる減少が見込まれる。</t>
    <rPh sb="1" eb="4">
      <t>シュウエキテキ</t>
    </rPh>
    <rPh sb="4" eb="6">
      <t>シュウシ</t>
    </rPh>
    <rPh sb="6" eb="8">
      <t>ヒリツ</t>
    </rPh>
    <rPh sb="9" eb="11">
      <t>ウリアゲ</t>
    </rPh>
    <rPh sb="11" eb="12">
      <t>ダカ</t>
    </rPh>
    <rPh sb="15" eb="17">
      <t>ヒリツ</t>
    </rPh>
    <rPh sb="20" eb="22">
      <t>ゲンショウ</t>
    </rPh>
    <rPh sb="23" eb="24">
      <t>テン</t>
    </rPh>
    <rPh sb="29" eb="32">
      <t>ライネンド</t>
    </rPh>
    <rPh sb="38" eb="40">
      <t>セツビ</t>
    </rPh>
    <rPh sb="43" eb="45">
      <t>カイシュウ</t>
    </rPh>
    <rPh sb="45" eb="47">
      <t>コウジ</t>
    </rPh>
    <rPh sb="48" eb="50">
      <t>ヨテイ</t>
    </rPh>
    <rPh sb="58" eb="59">
      <t>サラ</t>
    </rPh>
    <rPh sb="61" eb="63">
      <t>ゲンショウ</t>
    </rPh>
    <rPh sb="64" eb="66">
      <t>ミコ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8">
    <numFmt numFmtId="176" formatCode="#,##0;&quot;△ &quot;#,##0"/>
    <numFmt numFmtId="177" formatCode="#,##0.0;&quot;△ &quot;#,##0.0"/>
    <numFmt numFmtId="178" formatCode="ge"/>
    <numFmt numFmtId="179" formatCode="gee"/>
    <numFmt numFmtId="180" formatCode="#,##0.0;&quot;△&quot;#,##0.0"/>
    <numFmt numFmtId="181" formatCode="#,##0;&quot;△&quot;#,##0"/>
    <numFmt numFmtId="182" formatCode="0.00_);[Red]\(0.00\)"/>
    <numFmt numFmtId="183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181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1" fontId="0" fillId="0" borderId="5" xfId="1" applyNumberFormat="1" applyFont="1" applyBorder="1" applyAlignment="1">
      <alignment vertical="center" shrinkToFit="1"/>
    </xf>
    <xf numFmtId="181" fontId="0" fillId="0" borderId="5" xfId="0" applyNumberFormat="1" applyBorder="1">
      <alignment vertical="center"/>
    </xf>
    <xf numFmtId="0" fontId="0" fillId="0" borderId="0" xfId="0" applyFill="1">
      <alignment vertical="center"/>
    </xf>
    <xf numFmtId="182" fontId="0" fillId="0" borderId="0" xfId="0" applyNumberFormat="1" applyFill="1">
      <alignment vertical="center"/>
    </xf>
    <xf numFmtId="183" fontId="0" fillId="0" borderId="0" xfId="1" applyNumberFormat="1" applyFont="1" applyFill="1" applyBorder="1" applyAlignment="1">
      <alignment vertical="center" shrinkToFit="1"/>
    </xf>
    <xf numFmtId="182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9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180" fontId="12" fillId="0" borderId="14" xfId="0" applyNumberFormat="1" applyFont="1" applyBorder="1" applyAlignment="1" applyProtection="1">
      <alignment horizontal="center" vertical="center" shrinkToFit="1"/>
      <protection hidden="1"/>
    </xf>
    <xf numFmtId="180" fontId="12" fillId="0" borderId="15" xfId="0" applyNumberFormat="1" applyFont="1" applyBorder="1" applyAlignment="1" applyProtection="1">
      <alignment horizontal="center" vertical="center" shrinkToFit="1"/>
      <protection hidden="1"/>
    </xf>
    <xf numFmtId="180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1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100</c:v>
                </c:pt>
                <c:pt idx="1">
                  <c:v>102.9</c:v>
                </c:pt>
                <c:pt idx="2">
                  <c:v>91</c:v>
                </c:pt>
                <c:pt idx="3">
                  <c:v>111</c:v>
                </c:pt>
                <c:pt idx="4">
                  <c:v>9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2ED-488F-AB60-9AC2555663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571264"/>
        <c:axId val="447581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142.1</c:v>
                </c:pt>
                <c:pt idx="1">
                  <c:v>135.1</c:v>
                </c:pt>
                <c:pt idx="2">
                  <c:v>153.30000000000001</c:v>
                </c:pt>
                <c:pt idx="3">
                  <c:v>137.6</c:v>
                </c:pt>
                <c:pt idx="4">
                  <c:v>127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2ED-488F-AB60-9AC2555663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571264"/>
        <c:axId val="44758144"/>
      </c:lineChart>
      <c:catAx>
        <c:axId val="44571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44758144"/>
        <c:crosses val="autoZero"/>
        <c:auto val="1"/>
        <c:lblAlgn val="ctr"/>
        <c:lblOffset val="100"/>
        <c:noMultiLvlLbl val="1"/>
      </c:catAx>
      <c:valAx>
        <c:axId val="447581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571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E2C-4722-9D97-24F0BA2F0FD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981440"/>
        <c:axId val="8198374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151.5</c:v>
                </c:pt>
                <c:pt idx="1">
                  <c:v>137.6</c:v>
                </c:pt>
                <c:pt idx="2">
                  <c:v>112.5</c:v>
                </c:pt>
                <c:pt idx="3">
                  <c:v>119</c:v>
                </c:pt>
                <c:pt idx="4">
                  <c:v>145.1999999999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E2C-4722-9D97-24F0BA2F0FD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981440"/>
        <c:axId val="81983744"/>
      </c:lineChart>
      <c:catAx>
        <c:axId val="81981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983744"/>
        <c:crosses val="autoZero"/>
        <c:auto val="1"/>
        <c:lblAlgn val="ctr"/>
        <c:lblOffset val="100"/>
        <c:noMultiLvlLbl val="1"/>
      </c:catAx>
      <c:valAx>
        <c:axId val="8198374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98144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EE85-45CB-8B7A-C9ABCA5755F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96715136"/>
        <c:axId val="9671705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E85-45CB-8B7A-C9ABCA5755F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6715136"/>
        <c:axId val="96717056"/>
      </c:lineChart>
      <c:catAx>
        <c:axId val="9671513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96717056"/>
        <c:crosses val="autoZero"/>
        <c:auto val="1"/>
        <c:lblAlgn val="ctr"/>
        <c:lblOffset val="100"/>
        <c:noMultiLvlLbl val="1"/>
      </c:catAx>
      <c:valAx>
        <c:axId val="9671705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9671513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5103-42DC-9ADB-91BCAF66047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04602624"/>
        <c:axId val="1052695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103-42DC-9ADB-91BCAF66047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4602624"/>
        <c:axId val="105269504"/>
      </c:lineChart>
      <c:catAx>
        <c:axId val="10460262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105269504"/>
        <c:crosses val="autoZero"/>
        <c:auto val="1"/>
        <c:lblAlgn val="ctr"/>
        <c:lblOffset val="100"/>
        <c:noMultiLvlLbl val="1"/>
      </c:catAx>
      <c:valAx>
        <c:axId val="1052695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10460262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92B-4AF2-BE3C-AEBFBA2EB46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10880"/>
        <c:axId val="7841280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4.5999999999999996</c:v>
                </c:pt>
                <c:pt idx="1">
                  <c:v>4.5999999999999996</c:v>
                </c:pt>
                <c:pt idx="2">
                  <c:v>3.9</c:v>
                </c:pt>
                <c:pt idx="3">
                  <c:v>4.2</c:v>
                </c:pt>
                <c:pt idx="4">
                  <c:v>6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92B-4AF2-BE3C-AEBFBA2EB46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10880"/>
        <c:axId val="78412800"/>
      </c:lineChart>
      <c:catAx>
        <c:axId val="7841088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12800"/>
        <c:crosses val="autoZero"/>
        <c:auto val="1"/>
        <c:lblAlgn val="ctr"/>
        <c:lblOffset val="100"/>
        <c:noMultiLvlLbl val="1"/>
      </c:catAx>
      <c:valAx>
        <c:axId val="7841280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7841088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A8E-415F-BE37-34EF22A22FF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8427264"/>
        <c:axId val="7842918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42</c:v>
                </c:pt>
                <c:pt idx="1">
                  <c:v>45</c:v>
                </c:pt>
                <c:pt idx="2">
                  <c:v>47</c:v>
                </c:pt>
                <c:pt idx="3">
                  <c:v>46</c:v>
                </c:pt>
                <c:pt idx="4">
                  <c:v>6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A8E-415F-BE37-34EF22A22FF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8427264"/>
        <c:axId val="78429184"/>
      </c:lineChart>
      <c:catAx>
        <c:axId val="78427264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78429184"/>
        <c:crosses val="autoZero"/>
        <c:auto val="1"/>
        <c:lblAlgn val="ctr"/>
        <c:lblOffset val="100"/>
        <c:noMultiLvlLbl val="1"/>
      </c:catAx>
      <c:valAx>
        <c:axId val="7842918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784272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135.80000000000001</c:v>
                </c:pt>
                <c:pt idx="1">
                  <c:v>128.4</c:v>
                </c:pt>
                <c:pt idx="2">
                  <c:v>132.1</c:v>
                </c:pt>
                <c:pt idx="3">
                  <c:v>131.30000000000001</c:v>
                </c:pt>
                <c:pt idx="4">
                  <c:v>108.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540-4DA5-940B-FD70510137F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482496"/>
        <c:axId val="814844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68.2</c:v>
                </c:pt>
                <c:pt idx="1">
                  <c:v>165.8</c:v>
                </c:pt>
                <c:pt idx="2">
                  <c:v>164.3</c:v>
                </c:pt>
                <c:pt idx="3">
                  <c:v>158</c:v>
                </c:pt>
                <c:pt idx="4">
                  <c:v>13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540-4DA5-940B-FD70510137F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482496"/>
        <c:axId val="81484416"/>
      </c:lineChart>
      <c:catAx>
        <c:axId val="81482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484416"/>
        <c:crosses val="autoZero"/>
        <c:auto val="1"/>
        <c:lblAlgn val="ctr"/>
        <c:lblOffset val="100"/>
        <c:noMultiLvlLbl val="1"/>
      </c:catAx>
      <c:valAx>
        <c:axId val="814844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482496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0</c:v>
                </c:pt>
                <c:pt idx="1">
                  <c:v>2.8</c:v>
                </c:pt>
                <c:pt idx="2">
                  <c:v>-10</c:v>
                </c:pt>
                <c:pt idx="3">
                  <c:v>10</c:v>
                </c:pt>
                <c:pt idx="4">
                  <c:v>-4.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0BF-4CFA-8A84-4BEC994AE19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10400"/>
        <c:axId val="81512320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14.1</c:v>
                </c:pt>
                <c:pt idx="1">
                  <c:v>5.4</c:v>
                </c:pt>
                <c:pt idx="2">
                  <c:v>0.3</c:v>
                </c:pt>
                <c:pt idx="3">
                  <c:v>-8.8000000000000007</c:v>
                </c:pt>
                <c:pt idx="4">
                  <c:v>-26.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0BF-4CFA-8A84-4BEC994AE19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10400"/>
        <c:axId val="81512320"/>
      </c:lineChart>
      <c:catAx>
        <c:axId val="8151040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12320"/>
        <c:crosses val="autoZero"/>
        <c:auto val="1"/>
        <c:lblAlgn val="ctr"/>
        <c:lblOffset val="100"/>
        <c:noMultiLvlLbl val="1"/>
      </c:catAx>
      <c:valAx>
        <c:axId val="81512320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1510400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strRef>
              <c:f>データ!$B$11:$F$11</c:f>
              <c:strCache>
                <c:ptCount val="5"/>
                <c:pt idx="0">
                  <c:v>H28</c:v>
                </c:pt>
                <c:pt idx="1">
                  <c:v>H29</c:v>
                </c:pt>
                <c:pt idx="2">
                  <c:v>H30</c:v>
                </c:pt>
                <c:pt idx="3">
                  <c:v>R01</c:v>
                </c:pt>
                <c:pt idx="4">
                  <c:v>R02</c:v>
                </c:pt>
              </c:strCache>
            </c:str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-8</c:v>
                </c:pt>
                <c:pt idx="1">
                  <c:v>1434</c:v>
                </c:pt>
                <c:pt idx="2">
                  <c:v>-4768</c:v>
                </c:pt>
                <c:pt idx="3">
                  <c:v>5127</c:v>
                </c:pt>
                <c:pt idx="4">
                  <c:v>-196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B85-4783-8361-B18D545F58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1558528"/>
        <c:axId val="8156070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20639</c:v>
                </c:pt>
                <c:pt idx="1">
                  <c:v>17398</c:v>
                </c:pt>
                <c:pt idx="2">
                  <c:v>17894</c:v>
                </c:pt>
                <c:pt idx="3">
                  <c:v>5568</c:v>
                </c:pt>
                <c:pt idx="4">
                  <c:v>22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B85-4783-8361-B18D545F58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1558528"/>
        <c:axId val="81560704"/>
      </c:lineChart>
      <c:catAx>
        <c:axId val="8155852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one"/>
        <c:crossAx val="81560704"/>
        <c:crosses val="autoZero"/>
        <c:auto val="1"/>
        <c:lblAlgn val="ctr"/>
        <c:lblOffset val="100"/>
        <c:noMultiLvlLbl val="1"/>
      </c:catAx>
      <c:valAx>
        <c:axId val="8156070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8155852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,93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630.7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83.4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8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,345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4.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△65.9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_rels/sheet2.xml.rels><?xml version="1.0" encoding="UTF-8" standalone="yes"?>

<Relationships xmlns="http://schemas.openxmlformats.org/package/2006/relationships"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Normal="100" zoomScaleSheetLayoutView="70" workbookViewId="0"/>
  </sheetViews>
  <sheetFormatPr defaultColWidth="2.6640625" defaultRowHeight="13.2" x14ac:dyDescent="0.2"/>
  <cols>
    <col min="1" max="1" width="2.6640625" customWidth="1"/>
    <col min="2" max="2" width="0.88671875" customWidth="1"/>
    <col min="3" max="244" width="0.6640625" customWidth="1"/>
    <col min="245" max="245" width="0.88671875" customWidth="1"/>
    <col min="246" max="366" width="0.6640625" customWidth="1"/>
    <col min="368" max="382" width="3.109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中央区　銀座地下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２Ｂ２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公共施設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有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5378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32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地下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21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134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400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無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42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 t="str">
        <f>
データ!$B$11</f>
        <v>
H28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 t="str">
        <f>
データ!$C$11</f>
        <v>
H29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 t="str">
        <f>
データ!$D$11</f>
        <v>
H3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 t="str">
        <f>
データ!$E$11</f>
        <v>
R01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 t="str">
        <f>
データ!$F$11</f>
        <v>
R02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 t="str">
        <f>
データ!$B$11</f>
        <v>
H28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 t="str">
        <f>
データ!$C$11</f>
        <v>
H29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 t="str">
        <f>
データ!$D$11</f>
        <v>
H3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 t="str">
        <f>
データ!$E$11</f>
        <v>
R01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 t="str">
        <f>
データ!$F$11</f>
        <v>
R02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 t="str">
        <f>
データ!$B$11</f>
        <v>
H28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 t="str">
        <f>
データ!$C$11</f>
        <v>
H29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 t="str">
        <f>
データ!$D$11</f>
        <v>
H3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 t="str">
        <f>
データ!$E$11</f>
        <v>
R01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 t="str">
        <f>
データ!$F$11</f>
        <v>
R02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100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102.9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91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111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96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0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0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135.80000000000001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128.4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132.1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131.30000000000001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108.2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142.1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135.1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153.30000000000001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137.6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127.8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4.5999999999999996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4.5999999999999996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3.9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4.2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6.6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168.2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165.8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164.3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158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131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11"/>
      <c r="NE32" s="112"/>
      <c r="NF32" s="112"/>
      <c r="NG32" s="112"/>
      <c r="NH32" s="112"/>
      <c r="NI32" s="112"/>
      <c r="NJ32" s="112"/>
      <c r="NK32" s="112"/>
      <c r="NL32" s="112"/>
      <c r="NM32" s="112"/>
      <c r="NN32" s="112"/>
      <c r="NO32" s="112"/>
      <c r="NP32" s="112"/>
      <c r="NQ32" s="112"/>
      <c r="NR32" s="113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11"/>
      <c r="NE33" s="112"/>
      <c r="NF33" s="112"/>
      <c r="NG33" s="112"/>
      <c r="NH33" s="112"/>
      <c r="NI33" s="112"/>
      <c r="NJ33" s="112"/>
      <c r="NK33" s="112"/>
      <c r="NL33" s="112"/>
      <c r="NM33" s="112"/>
      <c r="NN33" s="112"/>
      <c r="NO33" s="112"/>
      <c r="NP33" s="112"/>
      <c r="NQ33" s="112"/>
      <c r="NR33" s="113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11"/>
      <c r="NE34" s="112"/>
      <c r="NF34" s="112"/>
      <c r="NG34" s="112"/>
      <c r="NH34" s="112"/>
      <c r="NI34" s="112"/>
      <c r="NJ34" s="112"/>
      <c r="NK34" s="112"/>
      <c r="NL34" s="112"/>
      <c r="NM34" s="112"/>
      <c r="NN34" s="112"/>
      <c r="NO34" s="112"/>
      <c r="NP34" s="112"/>
      <c r="NQ34" s="112"/>
      <c r="NR34" s="113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11"/>
      <c r="NE35" s="112"/>
      <c r="NF35" s="112"/>
      <c r="NG35" s="112"/>
      <c r="NH35" s="112"/>
      <c r="NI35" s="112"/>
      <c r="NJ35" s="112"/>
      <c r="NK35" s="112"/>
      <c r="NL35" s="112"/>
      <c r="NM35" s="112"/>
      <c r="NN35" s="112"/>
      <c r="NO35" s="112"/>
      <c r="NP35" s="112"/>
      <c r="NQ35" s="112"/>
      <c r="NR35" s="113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11"/>
      <c r="NE36" s="112"/>
      <c r="NF36" s="112"/>
      <c r="NG36" s="112"/>
      <c r="NH36" s="112"/>
      <c r="NI36" s="112"/>
      <c r="NJ36" s="112"/>
      <c r="NK36" s="112"/>
      <c r="NL36" s="112"/>
      <c r="NM36" s="112"/>
      <c r="NN36" s="112"/>
      <c r="NO36" s="112"/>
      <c r="NP36" s="112"/>
      <c r="NQ36" s="112"/>
      <c r="NR36" s="113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11"/>
      <c r="NE37" s="112"/>
      <c r="NF37" s="112"/>
      <c r="NG37" s="112"/>
      <c r="NH37" s="112"/>
      <c r="NI37" s="112"/>
      <c r="NJ37" s="112"/>
      <c r="NK37" s="112"/>
      <c r="NL37" s="112"/>
      <c r="NM37" s="112"/>
      <c r="NN37" s="112"/>
      <c r="NO37" s="112"/>
      <c r="NP37" s="112"/>
      <c r="NQ37" s="112"/>
      <c r="NR37" s="113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11"/>
      <c r="NE38" s="112"/>
      <c r="NF38" s="112"/>
      <c r="NG38" s="112"/>
      <c r="NH38" s="112"/>
      <c r="NI38" s="112"/>
      <c r="NJ38" s="112"/>
      <c r="NK38" s="112"/>
      <c r="NL38" s="112"/>
      <c r="NM38" s="112"/>
      <c r="NN38" s="112"/>
      <c r="NO38" s="112"/>
      <c r="NP38" s="112"/>
      <c r="NQ38" s="112"/>
      <c r="NR38" s="113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11"/>
      <c r="NE39" s="112"/>
      <c r="NF39" s="112"/>
      <c r="NG39" s="112"/>
      <c r="NH39" s="112"/>
      <c r="NI39" s="112"/>
      <c r="NJ39" s="112"/>
      <c r="NK39" s="112"/>
      <c r="NL39" s="112"/>
      <c r="NM39" s="112"/>
      <c r="NN39" s="112"/>
      <c r="NO39" s="112"/>
      <c r="NP39" s="112"/>
      <c r="NQ39" s="112"/>
      <c r="NR39" s="113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11"/>
      <c r="NE40" s="112"/>
      <c r="NF40" s="112"/>
      <c r="NG40" s="112"/>
      <c r="NH40" s="112"/>
      <c r="NI40" s="112"/>
      <c r="NJ40" s="112"/>
      <c r="NK40" s="112"/>
      <c r="NL40" s="112"/>
      <c r="NM40" s="112"/>
      <c r="NN40" s="112"/>
      <c r="NO40" s="112"/>
      <c r="NP40" s="112"/>
      <c r="NQ40" s="112"/>
      <c r="NR40" s="113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11"/>
      <c r="NE41" s="112"/>
      <c r="NF41" s="112"/>
      <c r="NG41" s="112"/>
      <c r="NH41" s="112"/>
      <c r="NI41" s="112"/>
      <c r="NJ41" s="112"/>
      <c r="NK41" s="112"/>
      <c r="NL41" s="112"/>
      <c r="NM41" s="112"/>
      <c r="NN41" s="112"/>
      <c r="NO41" s="112"/>
      <c r="NP41" s="112"/>
      <c r="NQ41" s="112"/>
      <c r="NR41" s="113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11"/>
      <c r="NE42" s="112"/>
      <c r="NF42" s="112"/>
      <c r="NG42" s="112"/>
      <c r="NH42" s="112"/>
      <c r="NI42" s="112"/>
      <c r="NJ42" s="112"/>
      <c r="NK42" s="112"/>
      <c r="NL42" s="112"/>
      <c r="NM42" s="112"/>
      <c r="NN42" s="112"/>
      <c r="NO42" s="112"/>
      <c r="NP42" s="112"/>
      <c r="NQ42" s="112"/>
      <c r="NR42" s="113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11"/>
      <c r="NE43" s="112"/>
      <c r="NF43" s="112"/>
      <c r="NG43" s="112"/>
      <c r="NH43" s="112"/>
      <c r="NI43" s="112"/>
      <c r="NJ43" s="112"/>
      <c r="NK43" s="112"/>
      <c r="NL43" s="112"/>
      <c r="NM43" s="112"/>
      <c r="NN43" s="112"/>
      <c r="NO43" s="112"/>
      <c r="NP43" s="112"/>
      <c r="NQ43" s="112"/>
      <c r="NR43" s="113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11"/>
      <c r="NE44" s="112"/>
      <c r="NF44" s="112"/>
      <c r="NG44" s="112"/>
      <c r="NH44" s="112"/>
      <c r="NI44" s="112"/>
      <c r="NJ44" s="112"/>
      <c r="NK44" s="112"/>
      <c r="NL44" s="112"/>
      <c r="NM44" s="112"/>
      <c r="NN44" s="112"/>
      <c r="NO44" s="112"/>
      <c r="NP44" s="112"/>
      <c r="NQ44" s="112"/>
      <c r="NR44" s="113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11"/>
      <c r="NE45" s="112"/>
      <c r="NF45" s="112"/>
      <c r="NG45" s="112"/>
      <c r="NH45" s="112"/>
      <c r="NI45" s="112"/>
      <c r="NJ45" s="112"/>
      <c r="NK45" s="112"/>
      <c r="NL45" s="112"/>
      <c r="NM45" s="112"/>
      <c r="NN45" s="112"/>
      <c r="NO45" s="112"/>
      <c r="NP45" s="112"/>
      <c r="NQ45" s="112"/>
      <c r="NR45" s="113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11"/>
      <c r="NE46" s="112"/>
      <c r="NF46" s="112"/>
      <c r="NG46" s="112"/>
      <c r="NH46" s="112"/>
      <c r="NI46" s="112"/>
      <c r="NJ46" s="112"/>
      <c r="NK46" s="112"/>
      <c r="NL46" s="112"/>
      <c r="NM46" s="112"/>
      <c r="NN46" s="112"/>
      <c r="NO46" s="112"/>
      <c r="NP46" s="112"/>
      <c r="NQ46" s="112"/>
      <c r="NR46" s="113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11"/>
      <c r="NE47" s="112"/>
      <c r="NF47" s="112"/>
      <c r="NG47" s="112"/>
      <c r="NH47" s="112"/>
      <c r="NI47" s="112"/>
      <c r="NJ47" s="112"/>
      <c r="NK47" s="112"/>
      <c r="NL47" s="112"/>
      <c r="NM47" s="112"/>
      <c r="NN47" s="112"/>
      <c r="NO47" s="112"/>
      <c r="NP47" s="112"/>
      <c r="NQ47" s="112"/>
      <c r="NR47" s="113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11" t="s">
        <v>
143</v>
      </c>
      <c r="NE49" s="112"/>
      <c r="NF49" s="112"/>
      <c r="NG49" s="112"/>
      <c r="NH49" s="112"/>
      <c r="NI49" s="112"/>
      <c r="NJ49" s="112"/>
      <c r="NK49" s="112"/>
      <c r="NL49" s="112"/>
      <c r="NM49" s="112"/>
      <c r="NN49" s="112"/>
      <c r="NO49" s="112"/>
      <c r="NP49" s="112"/>
      <c r="NQ49" s="112"/>
      <c r="NR49" s="113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11"/>
      <c r="NE50" s="112"/>
      <c r="NF50" s="112"/>
      <c r="NG50" s="112"/>
      <c r="NH50" s="112"/>
      <c r="NI50" s="112"/>
      <c r="NJ50" s="112"/>
      <c r="NK50" s="112"/>
      <c r="NL50" s="112"/>
      <c r="NM50" s="112"/>
      <c r="NN50" s="112"/>
      <c r="NO50" s="112"/>
      <c r="NP50" s="112"/>
      <c r="NQ50" s="112"/>
      <c r="NR50" s="113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 t="str">
        <f>
データ!$B$11</f>
        <v>
H28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 t="str">
        <f>
データ!$C$11</f>
        <v>
H29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 t="str">
        <f>
データ!$D$11</f>
        <v>
H3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 t="str">
        <f>
データ!$E$11</f>
        <v>
R01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 t="str">
        <f>
データ!$F$11</f>
        <v>
R02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 t="str">
        <f>
データ!$B$11</f>
        <v>
H28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 t="str">
        <f>
データ!$C$11</f>
        <v>
H29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 t="str">
        <f>
データ!$D$11</f>
        <v>
H3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 t="str">
        <f>
データ!$E$11</f>
        <v>
R01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 t="str">
        <f>
データ!$F$11</f>
        <v>
R02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 t="str">
        <f>
データ!$B$11</f>
        <v>
H28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 t="str">
        <f>
データ!$C$11</f>
        <v>
H29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 t="str">
        <f>
データ!$D$11</f>
        <v>
H3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 t="str">
        <f>
データ!$E$11</f>
        <v>
R01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 t="str">
        <f>
データ!$F$11</f>
        <v>
R02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11"/>
      <c r="NE51" s="112"/>
      <c r="NF51" s="112"/>
      <c r="NG51" s="112"/>
      <c r="NH51" s="112"/>
      <c r="NI51" s="112"/>
      <c r="NJ51" s="112"/>
      <c r="NK51" s="112"/>
      <c r="NL51" s="112"/>
      <c r="NM51" s="112"/>
      <c r="NN51" s="112"/>
      <c r="NO51" s="112"/>
      <c r="NP51" s="112"/>
      <c r="NQ51" s="112"/>
      <c r="NR51" s="113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5">
        <f>
データ!AU7</f>
        <v>
0</v>
      </c>
      <c r="V52" s="125"/>
      <c r="W52" s="125"/>
      <c r="X52" s="125"/>
      <c r="Y52" s="125"/>
      <c r="Z52" s="125"/>
      <c r="AA52" s="125"/>
      <c r="AB52" s="125"/>
      <c r="AC52" s="125"/>
      <c r="AD52" s="125"/>
      <c r="AE52" s="125"/>
      <c r="AF52" s="125"/>
      <c r="AG52" s="125"/>
      <c r="AH52" s="125"/>
      <c r="AI52" s="125"/>
      <c r="AJ52" s="125"/>
      <c r="AK52" s="125"/>
      <c r="AL52" s="125"/>
      <c r="AM52" s="125"/>
      <c r="AN52" s="125">
        <f>
データ!AV7</f>
        <v>
0</v>
      </c>
      <c r="AO52" s="125"/>
      <c r="AP52" s="125"/>
      <c r="AQ52" s="125"/>
      <c r="AR52" s="125"/>
      <c r="AS52" s="125"/>
      <c r="AT52" s="125"/>
      <c r="AU52" s="125"/>
      <c r="AV52" s="125"/>
      <c r="AW52" s="125"/>
      <c r="AX52" s="125"/>
      <c r="AY52" s="125"/>
      <c r="AZ52" s="125"/>
      <c r="BA52" s="125"/>
      <c r="BB52" s="125"/>
      <c r="BC52" s="125"/>
      <c r="BD52" s="125"/>
      <c r="BE52" s="125"/>
      <c r="BF52" s="125"/>
      <c r="BG52" s="125">
        <f>
データ!AW7</f>
        <v>
0</v>
      </c>
      <c r="BH52" s="125"/>
      <c r="BI52" s="125"/>
      <c r="BJ52" s="125"/>
      <c r="BK52" s="125"/>
      <c r="BL52" s="125"/>
      <c r="BM52" s="125"/>
      <c r="BN52" s="125"/>
      <c r="BO52" s="125"/>
      <c r="BP52" s="125"/>
      <c r="BQ52" s="125"/>
      <c r="BR52" s="125"/>
      <c r="BS52" s="125"/>
      <c r="BT52" s="125"/>
      <c r="BU52" s="125"/>
      <c r="BV52" s="125"/>
      <c r="BW52" s="125"/>
      <c r="BX52" s="125"/>
      <c r="BY52" s="125"/>
      <c r="BZ52" s="125">
        <f>
データ!AX7</f>
        <v>
0</v>
      </c>
      <c r="CA52" s="125"/>
      <c r="CB52" s="125"/>
      <c r="CC52" s="125"/>
      <c r="CD52" s="125"/>
      <c r="CE52" s="125"/>
      <c r="CF52" s="125"/>
      <c r="CG52" s="125"/>
      <c r="CH52" s="125"/>
      <c r="CI52" s="125"/>
      <c r="CJ52" s="125"/>
      <c r="CK52" s="125"/>
      <c r="CL52" s="125"/>
      <c r="CM52" s="125"/>
      <c r="CN52" s="125"/>
      <c r="CO52" s="125"/>
      <c r="CP52" s="125"/>
      <c r="CQ52" s="125"/>
      <c r="CR52" s="125"/>
      <c r="CS52" s="125">
        <f>
データ!AY7</f>
        <v>
0</v>
      </c>
      <c r="CT52" s="125"/>
      <c r="CU52" s="125"/>
      <c r="CV52" s="125"/>
      <c r="CW52" s="125"/>
      <c r="CX52" s="125"/>
      <c r="CY52" s="125"/>
      <c r="CZ52" s="125"/>
      <c r="DA52" s="125"/>
      <c r="DB52" s="125"/>
      <c r="DC52" s="125"/>
      <c r="DD52" s="125"/>
      <c r="DE52" s="125"/>
      <c r="DF52" s="125"/>
      <c r="DG52" s="125"/>
      <c r="DH52" s="125"/>
      <c r="DI52" s="125"/>
      <c r="DJ52" s="125"/>
      <c r="DK52" s="125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0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2.8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-10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10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-4.2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5">
        <f>
データ!BQ7</f>
        <v>
-8</v>
      </c>
      <c r="JD52" s="125"/>
      <c r="JE52" s="125"/>
      <c r="JF52" s="125"/>
      <c r="JG52" s="125"/>
      <c r="JH52" s="125"/>
      <c r="JI52" s="125"/>
      <c r="JJ52" s="125"/>
      <c r="JK52" s="125"/>
      <c r="JL52" s="125"/>
      <c r="JM52" s="125"/>
      <c r="JN52" s="125"/>
      <c r="JO52" s="125"/>
      <c r="JP52" s="125"/>
      <c r="JQ52" s="125"/>
      <c r="JR52" s="125"/>
      <c r="JS52" s="125"/>
      <c r="JT52" s="125"/>
      <c r="JU52" s="125"/>
      <c r="JV52" s="125">
        <f>
データ!BR7</f>
        <v>
1434</v>
      </c>
      <c r="JW52" s="125"/>
      <c r="JX52" s="125"/>
      <c r="JY52" s="125"/>
      <c r="JZ52" s="125"/>
      <c r="KA52" s="125"/>
      <c r="KB52" s="125"/>
      <c r="KC52" s="125"/>
      <c r="KD52" s="125"/>
      <c r="KE52" s="125"/>
      <c r="KF52" s="125"/>
      <c r="KG52" s="125"/>
      <c r="KH52" s="125"/>
      <c r="KI52" s="125"/>
      <c r="KJ52" s="125"/>
      <c r="KK52" s="125"/>
      <c r="KL52" s="125"/>
      <c r="KM52" s="125"/>
      <c r="KN52" s="125"/>
      <c r="KO52" s="125">
        <f>
データ!BS7</f>
        <v>
-4768</v>
      </c>
      <c r="KP52" s="125"/>
      <c r="KQ52" s="125"/>
      <c r="KR52" s="125"/>
      <c r="KS52" s="125"/>
      <c r="KT52" s="125"/>
      <c r="KU52" s="125"/>
      <c r="KV52" s="125"/>
      <c r="KW52" s="125"/>
      <c r="KX52" s="125"/>
      <c r="KY52" s="125"/>
      <c r="KZ52" s="125"/>
      <c r="LA52" s="125"/>
      <c r="LB52" s="125"/>
      <c r="LC52" s="125"/>
      <c r="LD52" s="125"/>
      <c r="LE52" s="125"/>
      <c r="LF52" s="125"/>
      <c r="LG52" s="125"/>
      <c r="LH52" s="125">
        <f>
データ!BT7</f>
        <v>
5127</v>
      </c>
      <c r="LI52" s="125"/>
      <c r="LJ52" s="125"/>
      <c r="LK52" s="125"/>
      <c r="LL52" s="125"/>
      <c r="LM52" s="125"/>
      <c r="LN52" s="125"/>
      <c r="LO52" s="125"/>
      <c r="LP52" s="125"/>
      <c r="LQ52" s="125"/>
      <c r="LR52" s="125"/>
      <c r="LS52" s="125"/>
      <c r="LT52" s="125"/>
      <c r="LU52" s="125"/>
      <c r="LV52" s="125"/>
      <c r="LW52" s="125"/>
      <c r="LX52" s="125"/>
      <c r="LY52" s="125"/>
      <c r="LZ52" s="125"/>
      <c r="MA52" s="125">
        <f>
データ!BU7</f>
        <v>
-1968</v>
      </c>
      <c r="MB52" s="125"/>
      <c r="MC52" s="125"/>
      <c r="MD52" s="125"/>
      <c r="ME52" s="125"/>
      <c r="MF52" s="125"/>
      <c r="MG52" s="125"/>
      <c r="MH52" s="125"/>
      <c r="MI52" s="125"/>
      <c r="MJ52" s="125"/>
      <c r="MK52" s="125"/>
      <c r="ML52" s="125"/>
      <c r="MM52" s="125"/>
      <c r="MN52" s="125"/>
      <c r="MO52" s="125"/>
      <c r="MP52" s="125"/>
      <c r="MQ52" s="125"/>
      <c r="MR52" s="125"/>
      <c r="MS52" s="125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11"/>
      <c r="NE52" s="112"/>
      <c r="NF52" s="112"/>
      <c r="NG52" s="112"/>
      <c r="NH52" s="112"/>
      <c r="NI52" s="112"/>
      <c r="NJ52" s="112"/>
      <c r="NK52" s="112"/>
      <c r="NL52" s="112"/>
      <c r="NM52" s="112"/>
      <c r="NN52" s="112"/>
      <c r="NO52" s="112"/>
      <c r="NP52" s="112"/>
      <c r="NQ52" s="112"/>
      <c r="NR52" s="113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5">
        <f>
データ!AZ7</f>
        <v>
42</v>
      </c>
      <c r="V53" s="125"/>
      <c r="W53" s="125"/>
      <c r="X53" s="125"/>
      <c r="Y53" s="125"/>
      <c r="Z53" s="125"/>
      <c r="AA53" s="125"/>
      <c r="AB53" s="125"/>
      <c r="AC53" s="125"/>
      <c r="AD53" s="125"/>
      <c r="AE53" s="125"/>
      <c r="AF53" s="125"/>
      <c r="AG53" s="125"/>
      <c r="AH53" s="125"/>
      <c r="AI53" s="125"/>
      <c r="AJ53" s="125"/>
      <c r="AK53" s="125"/>
      <c r="AL53" s="125"/>
      <c r="AM53" s="125"/>
      <c r="AN53" s="125">
        <f>
データ!BA7</f>
        <v>
45</v>
      </c>
      <c r="AO53" s="125"/>
      <c r="AP53" s="125"/>
      <c r="AQ53" s="125"/>
      <c r="AR53" s="125"/>
      <c r="AS53" s="125"/>
      <c r="AT53" s="125"/>
      <c r="AU53" s="125"/>
      <c r="AV53" s="125"/>
      <c r="AW53" s="125"/>
      <c r="AX53" s="125"/>
      <c r="AY53" s="125"/>
      <c r="AZ53" s="125"/>
      <c r="BA53" s="125"/>
      <c r="BB53" s="125"/>
      <c r="BC53" s="125"/>
      <c r="BD53" s="125"/>
      <c r="BE53" s="125"/>
      <c r="BF53" s="125"/>
      <c r="BG53" s="125">
        <f>
データ!BB7</f>
        <v>
47</v>
      </c>
      <c r="BH53" s="125"/>
      <c r="BI53" s="125"/>
      <c r="BJ53" s="125"/>
      <c r="BK53" s="125"/>
      <c r="BL53" s="125"/>
      <c r="BM53" s="125"/>
      <c r="BN53" s="125"/>
      <c r="BO53" s="125"/>
      <c r="BP53" s="125"/>
      <c r="BQ53" s="125"/>
      <c r="BR53" s="125"/>
      <c r="BS53" s="125"/>
      <c r="BT53" s="125"/>
      <c r="BU53" s="125"/>
      <c r="BV53" s="125"/>
      <c r="BW53" s="125"/>
      <c r="BX53" s="125"/>
      <c r="BY53" s="125"/>
      <c r="BZ53" s="125">
        <f>
データ!BC7</f>
        <v>
46</v>
      </c>
      <c r="CA53" s="125"/>
      <c r="CB53" s="125"/>
      <c r="CC53" s="125"/>
      <c r="CD53" s="125"/>
      <c r="CE53" s="125"/>
      <c r="CF53" s="125"/>
      <c r="CG53" s="125"/>
      <c r="CH53" s="125"/>
      <c r="CI53" s="125"/>
      <c r="CJ53" s="125"/>
      <c r="CK53" s="125"/>
      <c r="CL53" s="125"/>
      <c r="CM53" s="125"/>
      <c r="CN53" s="125"/>
      <c r="CO53" s="125"/>
      <c r="CP53" s="125"/>
      <c r="CQ53" s="125"/>
      <c r="CR53" s="125"/>
      <c r="CS53" s="125">
        <f>
データ!BD7</f>
        <v>
67</v>
      </c>
      <c r="CT53" s="125"/>
      <c r="CU53" s="125"/>
      <c r="CV53" s="125"/>
      <c r="CW53" s="125"/>
      <c r="CX53" s="125"/>
      <c r="CY53" s="125"/>
      <c r="CZ53" s="125"/>
      <c r="DA53" s="125"/>
      <c r="DB53" s="125"/>
      <c r="DC53" s="125"/>
      <c r="DD53" s="125"/>
      <c r="DE53" s="125"/>
      <c r="DF53" s="125"/>
      <c r="DG53" s="125"/>
      <c r="DH53" s="125"/>
      <c r="DI53" s="125"/>
      <c r="DJ53" s="125"/>
      <c r="DK53" s="125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14.1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5.4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0.3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-8.8000000000000007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-26.1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5">
        <f>
データ!BV7</f>
        <v>
20639</v>
      </c>
      <c r="JD53" s="125"/>
      <c r="JE53" s="125"/>
      <c r="JF53" s="125"/>
      <c r="JG53" s="125"/>
      <c r="JH53" s="125"/>
      <c r="JI53" s="125"/>
      <c r="JJ53" s="125"/>
      <c r="JK53" s="125"/>
      <c r="JL53" s="125"/>
      <c r="JM53" s="125"/>
      <c r="JN53" s="125"/>
      <c r="JO53" s="125"/>
      <c r="JP53" s="125"/>
      <c r="JQ53" s="125"/>
      <c r="JR53" s="125"/>
      <c r="JS53" s="125"/>
      <c r="JT53" s="125"/>
      <c r="JU53" s="125"/>
      <c r="JV53" s="125">
        <f>
データ!BW7</f>
        <v>
17398</v>
      </c>
      <c r="JW53" s="125"/>
      <c r="JX53" s="125"/>
      <c r="JY53" s="125"/>
      <c r="JZ53" s="125"/>
      <c r="KA53" s="125"/>
      <c r="KB53" s="125"/>
      <c r="KC53" s="125"/>
      <c r="KD53" s="125"/>
      <c r="KE53" s="125"/>
      <c r="KF53" s="125"/>
      <c r="KG53" s="125"/>
      <c r="KH53" s="125"/>
      <c r="KI53" s="125"/>
      <c r="KJ53" s="125"/>
      <c r="KK53" s="125"/>
      <c r="KL53" s="125"/>
      <c r="KM53" s="125"/>
      <c r="KN53" s="125"/>
      <c r="KO53" s="125">
        <f>
データ!BX7</f>
        <v>
17894</v>
      </c>
      <c r="KP53" s="125"/>
      <c r="KQ53" s="125"/>
      <c r="KR53" s="125"/>
      <c r="KS53" s="125"/>
      <c r="KT53" s="125"/>
      <c r="KU53" s="125"/>
      <c r="KV53" s="125"/>
      <c r="KW53" s="125"/>
      <c r="KX53" s="125"/>
      <c r="KY53" s="125"/>
      <c r="KZ53" s="125"/>
      <c r="LA53" s="125"/>
      <c r="LB53" s="125"/>
      <c r="LC53" s="125"/>
      <c r="LD53" s="125"/>
      <c r="LE53" s="125"/>
      <c r="LF53" s="125"/>
      <c r="LG53" s="125"/>
      <c r="LH53" s="125">
        <f>
データ!BY7</f>
        <v>
5568</v>
      </c>
      <c r="LI53" s="125"/>
      <c r="LJ53" s="125"/>
      <c r="LK53" s="125"/>
      <c r="LL53" s="125"/>
      <c r="LM53" s="125"/>
      <c r="LN53" s="125"/>
      <c r="LO53" s="125"/>
      <c r="LP53" s="125"/>
      <c r="LQ53" s="125"/>
      <c r="LR53" s="125"/>
      <c r="LS53" s="125"/>
      <c r="LT53" s="125"/>
      <c r="LU53" s="125"/>
      <c r="LV53" s="125"/>
      <c r="LW53" s="125"/>
      <c r="LX53" s="125"/>
      <c r="LY53" s="125"/>
      <c r="LZ53" s="125"/>
      <c r="MA53" s="125">
        <f>
データ!BZ7</f>
        <v>
2220</v>
      </c>
      <c r="MB53" s="125"/>
      <c r="MC53" s="125"/>
      <c r="MD53" s="125"/>
      <c r="ME53" s="125"/>
      <c r="MF53" s="125"/>
      <c r="MG53" s="125"/>
      <c r="MH53" s="125"/>
      <c r="MI53" s="125"/>
      <c r="MJ53" s="125"/>
      <c r="MK53" s="125"/>
      <c r="ML53" s="125"/>
      <c r="MM53" s="125"/>
      <c r="MN53" s="125"/>
      <c r="MO53" s="125"/>
      <c r="MP53" s="125"/>
      <c r="MQ53" s="125"/>
      <c r="MR53" s="125"/>
      <c r="MS53" s="125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11"/>
      <c r="NE53" s="112"/>
      <c r="NF53" s="112"/>
      <c r="NG53" s="112"/>
      <c r="NH53" s="112"/>
      <c r="NI53" s="112"/>
      <c r="NJ53" s="112"/>
      <c r="NK53" s="112"/>
      <c r="NL53" s="112"/>
      <c r="NM53" s="112"/>
      <c r="NN53" s="112"/>
      <c r="NO53" s="112"/>
      <c r="NP53" s="112"/>
      <c r="NQ53" s="112"/>
      <c r="NR53" s="113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11"/>
      <c r="NE54" s="112"/>
      <c r="NF54" s="112"/>
      <c r="NG54" s="112"/>
      <c r="NH54" s="112"/>
      <c r="NI54" s="112"/>
      <c r="NJ54" s="112"/>
      <c r="NK54" s="112"/>
      <c r="NL54" s="112"/>
      <c r="NM54" s="112"/>
      <c r="NN54" s="112"/>
      <c r="NO54" s="112"/>
      <c r="NP54" s="112"/>
      <c r="NQ54" s="112"/>
      <c r="NR54" s="113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11"/>
      <c r="NE55" s="112"/>
      <c r="NF55" s="112"/>
      <c r="NG55" s="112"/>
      <c r="NH55" s="112"/>
      <c r="NI55" s="112"/>
      <c r="NJ55" s="112"/>
      <c r="NK55" s="112"/>
      <c r="NL55" s="112"/>
      <c r="NM55" s="112"/>
      <c r="NN55" s="112"/>
      <c r="NO55" s="112"/>
      <c r="NP55" s="112"/>
      <c r="NQ55" s="112"/>
      <c r="NR55" s="113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11"/>
      <c r="NE56" s="112"/>
      <c r="NF56" s="112"/>
      <c r="NG56" s="112"/>
      <c r="NH56" s="112"/>
      <c r="NI56" s="112"/>
      <c r="NJ56" s="112"/>
      <c r="NK56" s="112"/>
      <c r="NL56" s="112"/>
      <c r="NM56" s="112"/>
      <c r="NN56" s="112"/>
      <c r="NO56" s="112"/>
      <c r="NP56" s="112"/>
      <c r="NQ56" s="112"/>
      <c r="NR56" s="113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11"/>
      <c r="NE57" s="112"/>
      <c r="NF57" s="112"/>
      <c r="NG57" s="112"/>
      <c r="NH57" s="112"/>
      <c r="NI57" s="112"/>
      <c r="NJ57" s="112"/>
      <c r="NK57" s="112"/>
      <c r="NL57" s="112"/>
      <c r="NM57" s="112"/>
      <c r="NN57" s="112"/>
      <c r="NO57" s="112"/>
      <c r="NP57" s="112"/>
      <c r="NQ57" s="112"/>
      <c r="NR57" s="113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11"/>
      <c r="NE58" s="112"/>
      <c r="NF58" s="112"/>
      <c r="NG58" s="112"/>
      <c r="NH58" s="112"/>
      <c r="NI58" s="112"/>
      <c r="NJ58" s="112"/>
      <c r="NK58" s="112"/>
      <c r="NL58" s="112"/>
      <c r="NM58" s="112"/>
      <c r="NN58" s="112"/>
      <c r="NO58" s="112"/>
      <c r="NP58" s="112"/>
      <c r="NQ58" s="112"/>
      <c r="NR58" s="113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11"/>
      <c r="NE59" s="112"/>
      <c r="NF59" s="112"/>
      <c r="NG59" s="112"/>
      <c r="NH59" s="112"/>
      <c r="NI59" s="112"/>
      <c r="NJ59" s="112"/>
      <c r="NK59" s="112"/>
      <c r="NL59" s="112"/>
      <c r="NM59" s="112"/>
      <c r="NN59" s="112"/>
      <c r="NO59" s="112"/>
      <c r="NP59" s="112"/>
      <c r="NQ59" s="112"/>
      <c r="NR59" s="113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11"/>
      <c r="NE60" s="112"/>
      <c r="NF60" s="112"/>
      <c r="NG60" s="112"/>
      <c r="NH60" s="112"/>
      <c r="NI60" s="112"/>
      <c r="NJ60" s="112"/>
      <c r="NK60" s="112"/>
      <c r="NL60" s="112"/>
      <c r="NM60" s="112"/>
      <c r="NN60" s="112"/>
      <c r="NO60" s="112"/>
      <c r="NP60" s="112"/>
      <c r="NQ60" s="112"/>
      <c r="NR60" s="113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11"/>
      <c r="NE61" s="112"/>
      <c r="NF61" s="112"/>
      <c r="NG61" s="112"/>
      <c r="NH61" s="112"/>
      <c r="NI61" s="112"/>
      <c r="NJ61" s="112"/>
      <c r="NK61" s="112"/>
      <c r="NL61" s="112"/>
      <c r="NM61" s="112"/>
      <c r="NN61" s="112"/>
      <c r="NO61" s="112"/>
      <c r="NP61" s="112"/>
      <c r="NQ61" s="112"/>
      <c r="NR61" s="113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11"/>
      <c r="NE62" s="112"/>
      <c r="NF62" s="112"/>
      <c r="NG62" s="112"/>
      <c r="NH62" s="112"/>
      <c r="NI62" s="112"/>
      <c r="NJ62" s="112"/>
      <c r="NK62" s="112"/>
      <c r="NL62" s="112"/>
      <c r="NM62" s="112"/>
      <c r="NN62" s="112"/>
      <c r="NO62" s="112"/>
      <c r="NP62" s="112"/>
      <c r="NQ62" s="112"/>
      <c r="NR62" s="113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6" t="s">
        <v>
32</v>
      </c>
      <c r="CW63" s="126"/>
      <c r="CX63" s="126"/>
      <c r="CY63" s="126"/>
      <c r="CZ63" s="126"/>
      <c r="DA63" s="126"/>
      <c r="DB63" s="126"/>
      <c r="DC63" s="126"/>
      <c r="DD63" s="126"/>
      <c r="DE63" s="126"/>
      <c r="DF63" s="126"/>
      <c r="DG63" s="126"/>
      <c r="DH63" s="126"/>
      <c r="DI63" s="126"/>
      <c r="DJ63" s="126"/>
      <c r="DK63" s="126"/>
      <c r="DL63" s="126"/>
      <c r="DM63" s="126"/>
      <c r="DN63" s="126"/>
      <c r="DO63" s="126"/>
      <c r="DP63" s="126"/>
      <c r="DQ63" s="126"/>
      <c r="DR63" s="126"/>
      <c r="DS63" s="126"/>
      <c r="DT63" s="126"/>
      <c r="DU63" s="126"/>
      <c r="DV63" s="126"/>
      <c r="DW63" s="126"/>
      <c r="DX63" s="126"/>
      <c r="DY63" s="126"/>
      <c r="DZ63" s="126"/>
      <c r="EA63" s="126"/>
      <c r="EB63" s="126"/>
      <c r="EC63" s="126"/>
      <c r="ED63" s="126"/>
      <c r="EE63" s="126"/>
      <c r="EF63" s="126"/>
      <c r="EG63" s="126"/>
      <c r="EH63" s="126"/>
      <c r="EI63" s="126"/>
      <c r="EJ63" s="126"/>
      <c r="EK63" s="126"/>
      <c r="EL63" s="126"/>
      <c r="EM63" s="126"/>
      <c r="EN63" s="126"/>
      <c r="EO63" s="126"/>
      <c r="EP63" s="126"/>
      <c r="EQ63" s="126"/>
      <c r="ER63" s="126"/>
      <c r="ES63" s="126"/>
      <c r="ET63" s="126"/>
      <c r="EU63" s="126"/>
      <c r="EV63" s="126"/>
      <c r="EW63" s="126"/>
      <c r="EX63" s="126"/>
      <c r="EY63" s="126"/>
      <c r="EZ63" s="126"/>
      <c r="FA63" s="126"/>
      <c r="FB63" s="126"/>
      <c r="FC63" s="126"/>
      <c r="FD63" s="126"/>
      <c r="FE63" s="126"/>
      <c r="FF63" s="126"/>
      <c r="FG63" s="126"/>
      <c r="FH63" s="126"/>
      <c r="FI63" s="126"/>
      <c r="FJ63" s="126"/>
      <c r="FK63" s="126"/>
      <c r="FL63" s="126"/>
      <c r="FM63" s="126"/>
      <c r="FN63" s="126"/>
      <c r="FO63" s="126"/>
      <c r="FP63" s="126"/>
      <c r="FQ63" s="126"/>
      <c r="FR63" s="126"/>
      <c r="FS63" s="126"/>
      <c r="FT63" s="126"/>
      <c r="FU63" s="126"/>
      <c r="FV63" s="126"/>
      <c r="FW63" s="12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11"/>
      <c r="NE63" s="112"/>
      <c r="NF63" s="112"/>
      <c r="NG63" s="112"/>
      <c r="NH63" s="112"/>
      <c r="NI63" s="112"/>
      <c r="NJ63" s="112"/>
      <c r="NK63" s="112"/>
      <c r="NL63" s="112"/>
      <c r="NM63" s="112"/>
      <c r="NN63" s="112"/>
      <c r="NO63" s="112"/>
      <c r="NP63" s="112"/>
      <c r="NQ63" s="112"/>
      <c r="NR63" s="113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6"/>
      <c r="CW64" s="126"/>
      <c r="CX64" s="126"/>
      <c r="CY64" s="126"/>
      <c r="CZ64" s="126"/>
      <c r="DA64" s="126"/>
      <c r="DB64" s="126"/>
      <c r="DC64" s="126"/>
      <c r="DD64" s="126"/>
      <c r="DE64" s="126"/>
      <c r="DF64" s="126"/>
      <c r="DG64" s="126"/>
      <c r="DH64" s="126"/>
      <c r="DI64" s="126"/>
      <c r="DJ64" s="126"/>
      <c r="DK64" s="126"/>
      <c r="DL64" s="126"/>
      <c r="DM64" s="126"/>
      <c r="DN64" s="126"/>
      <c r="DO64" s="126"/>
      <c r="DP64" s="126"/>
      <c r="DQ64" s="126"/>
      <c r="DR64" s="126"/>
      <c r="DS64" s="126"/>
      <c r="DT64" s="126"/>
      <c r="DU64" s="126"/>
      <c r="DV64" s="126"/>
      <c r="DW64" s="126"/>
      <c r="DX64" s="126"/>
      <c r="DY64" s="126"/>
      <c r="DZ64" s="126"/>
      <c r="EA64" s="126"/>
      <c r="EB64" s="126"/>
      <c r="EC64" s="126"/>
      <c r="ED64" s="126"/>
      <c r="EE64" s="126"/>
      <c r="EF64" s="126"/>
      <c r="EG64" s="126"/>
      <c r="EH64" s="126"/>
      <c r="EI64" s="126"/>
      <c r="EJ64" s="126"/>
      <c r="EK64" s="126"/>
      <c r="EL64" s="126"/>
      <c r="EM64" s="126"/>
      <c r="EN64" s="126"/>
      <c r="EO64" s="126"/>
      <c r="EP64" s="126"/>
      <c r="EQ64" s="126"/>
      <c r="ER64" s="126"/>
      <c r="ES64" s="126"/>
      <c r="ET64" s="126"/>
      <c r="EU64" s="126"/>
      <c r="EV64" s="126"/>
      <c r="EW64" s="126"/>
      <c r="EX64" s="126"/>
      <c r="EY64" s="126"/>
      <c r="EZ64" s="126"/>
      <c r="FA64" s="126"/>
      <c r="FB64" s="126"/>
      <c r="FC64" s="126"/>
      <c r="FD64" s="126"/>
      <c r="FE64" s="126"/>
      <c r="FF64" s="126"/>
      <c r="FG64" s="126"/>
      <c r="FH64" s="126"/>
      <c r="FI64" s="126"/>
      <c r="FJ64" s="126"/>
      <c r="FK64" s="126"/>
      <c r="FL64" s="126"/>
      <c r="FM64" s="126"/>
      <c r="FN64" s="126"/>
      <c r="FO64" s="126"/>
      <c r="FP64" s="126"/>
      <c r="FQ64" s="126"/>
      <c r="FR64" s="126"/>
      <c r="FS64" s="126"/>
      <c r="FT64" s="126"/>
      <c r="FU64" s="126"/>
      <c r="FV64" s="126"/>
      <c r="FW64" s="12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2"/>
      <c r="NE64" s="123"/>
      <c r="NF64" s="123"/>
      <c r="NG64" s="123"/>
      <c r="NH64" s="123"/>
      <c r="NI64" s="123"/>
      <c r="NJ64" s="123"/>
      <c r="NK64" s="123"/>
      <c r="NL64" s="123"/>
      <c r="NM64" s="123"/>
      <c r="NN64" s="123"/>
      <c r="NO64" s="123"/>
      <c r="NP64" s="123"/>
      <c r="NQ64" s="123"/>
      <c r="NR64" s="124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6"/>
      <c r="CW65" s="126"/>
      <c r="CX65" s="126"/>
      <c r="CY65" s="126"/>
      <c r="CZ65" s="126"/>
      <c r="DA65" s="126"/>
      <c r="DB65" s="126"/>
      <c r="DC65" s="126"/>
      <c r="DD65" s="126"/>
      <c r="DE65" s="126"/>
      <c r="DF65" s="126"/>
      <c r="DG65" s="126"/>
      <c r="DH65" s="126"/>
      <c r="DI65" s="126"/>
      <c r="DJ65" s="126"/>
      <c r="DK65" s="126"/>
      <c r="DL65" s="126"/>
      <c r="DM65" s="126"/>
      <c r="DN65" s="126"/>
      <c r="DO65" s="126"/>
      <c r="DP65" s="126"/>
      <c r="DQ65" s="126"/>
      <c r="DR65" s="126"/>
      <c r="DS65" s="126"/>
      <c r="DT65" s="126"/>
      <c r="DU65" s="126"/>
      <c r="DV65" s="126"/>
      <c r="DW65" s="126"/>
      <c r="DX65" s="126"/>
      <c r="DY65" s="126"/>
      <c r="DZ65" s="126"/>
      <c r="EA65" s="126"/>
      <c r="EB65" s="126"/>
      <c r="EC65" s="126"/>
      <c r="ED65" s="126"/>
      <c r="EE65" s="126"/>
      <c r="EF65" s="126"/>
      <c r="EG65" s="126"/>
      <c r="EH65" s="126"/>
      <c r="EI65" s="126"/>
      <c r="EJ65" s="126"/>
      <c r="EK65" s="126"/>
      <c r="EL65" s="126"/>
      <c r="EM65" s="126"/>
      <c r="EN65" s="126"/>
      <c r="EO65" s="126"/>
      <c r="EP65" s="126"/>
      <c r="EQ65" s="126"/>
      <c r="ER65" s="126"/>
      <c r="ES65" s="126"/>
      <c r="ET65" s="126"/>
      <c r="EU65" s="126"/>
      <c r="EV65" s="126"/>
      <c r="EW65" s="126"/>
      <c r="EX65" s="126"/>
      <c r="EY65" s="126"/>
      <c r="EZ65" s="126"/>
      <c r="FA65" s="126"/>
      <c r="FB65" s="126"/>
      <c r="FC65" s="126"/>
      <c r="FD65" s="126"/>
      <c r="FE65" s="126"/>
      <c r="FF65" s="126"/>
      <c r="FG65" s="126"/>
      <c r="FH65" s="126"/>
      <c r="FI65" s="126"/>
      <c r="FJ65" s="126"/>
      <c r="FK65" s="126"/>
      <c r="FL65" s="126"/>
      <c r="FM65" s="126"/>
      <c r="FN65" s="126"/>
      <c r="FO65" s="126"/>
      <c r="FP65" s="126"/>
      <c r="FQ65" s="126"/>
      <c r="FR65" s="126"/>
      <c r="FS65" s="126"/>
      <c r="FT65" s="126"/>
      <c r="FU65" s="126"/>
      <c r="FV65" s="126"/>
      <c r="FW65" s="12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6"/>
      <c r="CW66" s="126"/>
      <c r="CX66" s="126"/>
      <c r="CY66" s="126"/>
      <c r="CZ66" s="126"/>
      <c r="DA66" s="126"/>
      <c r="DB66" s="126"/>
      <c r="DC66" s="126"/>
      <c r="DD66" s="126"/>
      <c r="DE66" s="126"/>
      <c r="DF66" s="126"/>
      <c r="DG66" s="126"/>
      <c r="DH66" s="126"/>
      <c r="DI66" s="126"/>
      <c r="DJ66" s="126"/>
      <c r="DK66" s="126"/>
      <c r="DL66" s="126"/>
      <c r="DM66" s="126"/>
      <c r="DN66" s="126"/>
      <c r="DO66" s="126"/>
      <c r="DP66" s="126"/>
      <c r="DQ66" s="126"/>
      <c r="DR66" s="126"/>
      <c r="DS66" s="126"/>
      <c r="DT66" s="126"/>
      <c r="DU66" s="126"/>
      <c r="DV66" s="126"/>
      <c r="DW66" s="126"/>
      <c r="DX66" s="126"/>
      <c r="DY66" s="126"/>
      <c r="DZ66" s="126"/>
      <c r="EA66" s="126"/>
      <c r="EB66" s="126"/>
      <c r="EC66" s="126"/>
      <c r="ED66" s="126"/>
      <c r="EE66" s="126"/>
      <c r="EF66" s="126"/>
      <c r="EG66" s="126"/>
      <c r="EH66" s="126"/>
      <c r="EI66" s="126"/>
      <c r="EJ66" s="126"/>
      <c r="EK66" s="126"/>
      <c r="EL66" s="126"/>
      <c r="EM66" s="126"/>
      <c r="EN66" s="126"/>
      <c r="EO66" s="126"/>
      <c r="EP66" s="126"/>
      <c r="EQ66" s="126"/>
      <c r="ER66" s="126"/>
      <c r="ES66" s="126"/>
      <c r="ET66" s="126"/>
      <c r="EU66" s="126"/>
      <c r="EV66" s="126"/>
      <c r="EW66" s="126"/>
      <c r="EX66" s="126"/>
      <c r="EY66" s="126"/>
      <c r="EZ66" s="126"/>
      <c r="FA66" s="126"/>
      <c r="FB66" s="126"/>
      <c r="FC66" s="126"/>
      <c r="FD66" s="126"/>
      <c r="FE66" s="126"/>
      <c r="FF66" s="126"/>
      <c r="FG66" s="126"/>
      <c r="FH66" s="126"/>
      <c r="FI66" s="126"/>
      <c r="FJ66" s="126"/>
      <c r="FK66" s="126"/>
      <c r="FL66" s="126"/>
      <c r="FM66" s="126"/>
      <c r="FN66" s="126"/>
      <c r="FO66" s="126"/>
      <c r="FP66" s="126"/>
      <c r="FQ66" s="126"/>
      <c r="FR66" s="126"/>
      <c r="FS66" s="126"/>
      <c r="FT66" s="126"/>
      <c r="FU66" s="126"/>
      <c r="FV66" s="126"/>
      <c r="FW66" s="12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11" t="s">
        <v>
144</v>
      </c>
      <c r="NE66" s="112"/>
      <c r="NF66" s="112"/>
      <c r="NG66" s="112"/>
      <c r="NH66" s="112"/>
      <c r="NI66" s="112"/>
      <c r="NJ66" s="112"/>
      <c r="NK66" s="112"/>
      <c r="NL66" s="112"/>
      <c r="NM66" s="112"/>
      <c r="NN66" s="112"/>
      <c r="NO66" s="112"/>
      <c r="NP66" s="112"/>
      <c r="NQ66" s="112"/>
      <c r="NR66" s="113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27">
        <f>
データ!CM7</f>
        <v>
0</v>
      </c>
      <c r="CW67" s="128"/>
      <c r="CX67" s="128"/>
      <c r="CY67" s="128"/>
      <c r="CZ67" s="128"/>
      <c r="DA67" s="128"/>
      <c r="DB67" s="128"/>
      <c r="DC67" s="128"/>
      <c r="DD67" s="128"/>
      <c r="DE67" s="128"/>
      <c r="DF67" s="128"/>
      <c r="DG67" s="128"/>
      <c r="DH67" s="128"/>
      <c r="DI67" s="128"/>
      <c r="DJ67" s="128"/>
      <c r="DK67" s="128"/>
      <c r="DL67" s="128"/>
      <c r="DM67" s="128"/>
      <c r="DN67" s="128"/>
      <c r="DO67" s="128"/>
      <c r="DP67" s="128"/>
      <c r="DQ67" s="128"/>
      <c r="DR67" s="128"/>
      <c r="DS67" s="128"/>
      <c r="DT67" s="128"/>
      <c r="DU67" s="128"/>
      <c r="DV67" s="128"/>
      <c r="DW67" s="128"/>
      <c r="DX67" s="128"/>
      <c r="DY67" s="128"/>
      <c r="DZ67" s="128"/>
      <c r="EA67" s="128"/>
      <c r="EB67" s="128"/>
      <c r="EC67" s="128"/>
      <c r="ED67" s="128"/>
      <c r="EE67" s="128"/>
      <c r="EF67" s="128"/>
      <c r="EG67" s="128"/>
      <c r="EH67" s="128"/>
      <c r="EI67" s="128"/>
      <c r="EJ67" s="128"/>
      <c r="EK67" s="128"/>
      <c r="EL67" s="128"/>
      <c r="EM67" s="128"/>
      <c r="EN67" s="128"/>
      <c r="EO67" s="128"/>
      <c r="EP67" s="128"/>
      <c r="EQ67" s="128"/>
      <c r="ER67" s="128"/>
      <c r="ES67" s="128"/>
      <c r="ET67" s="128"/>
      <c r="EU67" s="128"/>
      <c r="EV67" s="128"/>
      <c r="EW67" s="128"/>
      <c r="EX67" s="128"/>
      <c r="EY67" s="128"/>
      <c r="EZ67" s="128"/>
      <c r="FA67" s="128"/>
      <c r="FB67" s="128"/>
      <c r="FC67" s="128"/>
      <c r="FD67" s="128"/>
      <c r="FE67" s="128"/>
      <c r="FF67" s="128"/>
      <c r="FG67" s="128"/>
      <c r="FH67" s="128"/>
      <c r="FI67" s="128"/>
      <c r="FJ67" s="128"/>
      <c r="FK67" s="128"/>
      <c r="FL67" s="128"/>
      <c r="FM67" s="128"/>
      <c r="FN67" s="128"/>
      <c r="FO67" s="128"/>
      <c r="FP67" s="128"/>
      <c r="FQ67" s="128"/>
      <c r="FR67" s="128"/>
      <c r="FS67" s="128"/>
      <c r="FT67" s="128"/>
      <c r="FU67" s="128"/>
      <c r="FV67" s="128"/>
      <c r="FW67" s="12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11"/>
      <c r="NE67" s="112"/>
      <c r="NF67" s="112"/>
      <c r="NG67" s="112"/>
      <c r="NH67" s="112"/>
      <c r="NI67" s="112"/>
      <c r="NJ67" s="112"/>
      <c r="NK67" s="112"/>
      <c r="NL67" s="112"/>
      <c r="NM67" s="112"/>
      <c r="NN67" s="112"/>
      <c r="NO67" s="112"/>
      <c r="NP67" s="112"/>
      <c r="NQ67" s="112"/>
      <c r="NR67" s="113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0"/>
      <c r="CW68" s="131"/>
      <c r="CX68" s="131"/>
      <c r="CY68" s="131"/>
      <c r="CZ68" s="131"/>
      <c r="DA68" s="131"/>
      <c r="DB68" s="131"/>
      <c r="DC68" s="131"/>
      <c r="DD68" s="131"/>
      <c r="DE68" s="131"/>
      <c r="DF68" s="131"/>
      <c r="DG68" s="131"/>
      <c r="DH68" s="131"/>
      <c r="DI68" s="131"/>
      <c r="DJ68" s="131"/>
      <c r="DK68" s="131"/>
      <c r="DL68" s="131"/>
      <c r="DM68" s="131"/>
      <c r="DN68" s="131"/>
      <c r="DO68" s="131"/>
      <c r="DP68" s="131"/>
      <c r="DQ68" s="131"/>
      <c r="DR68" s="131"/>
      <c r="DS68" s="131"/>
      <c r="DT68" s="131"/>
      <c r="DU68" s="131"/>
      <c r="DV68" s="131"/>
      <c r="DW68" s="131"/>
      <c r="DX68" s="131"/>
      <c r="DY68" s="131"/>
      <c r="DZ68" s="131"/>
      <c r="EA68" s="131"/>
      <c r="EB68" s="131"/>
      <c r="EC68" s="131"/>
      <c r="ED68" s="131"/>
      <c r="EE68" s="131"/>
      <c r="EF68" s="131"/>
      <c r="EG68" s="131"/>
      <c r="EH68" s="131"/>
      <c r="EI68" s="131"/>
      <c r="EJ68" s="131"/>
      <c r="EK68" s="131"/>
      <c r="EL68" s="131"/>
      <c r="EM68" s="131"/>
      <c r="EN68" s="131"/>
      <c r="EO68" s="131"/>
      <c r="EP68" s="131"/>
      <c r="EQ68" s="131"/>
      <c r="ER68" s="131"/>
      <c r="ES68" s="131"/>
      <c r="ET68" s="131"/>
      <c r="EU68" s="131"/>
      <c r="EV68" s="131"/>
      <c r="EW68" s="131"/>
      <c r="EX68" s="131"/>
      <c r="EY68" s="131"/>
      <c r="EZ68" s="131"/>
      <c r="FA68" s="131"/>
      <c r="FB68" s="131"/>
      <c r="FC68" s="131"/>
      <c r="FD68" s="131"/>
      <c r="FE68" s="131"/>
      <c r="FF68" s="131"/>
      <c r="FG68" s="131"/>
      <c r="FH68" s="131"/>
      <c r="FI68" s="131"/>
      <c r="FJ68" s="131"/>
      <c r="FK68" s="131"/>
      <c r="FL68" s="131"/>
      <c r="FM68" s="131"/>
      <c r="FN68" s="131"/>
      <c r="FO68" s="131"/>
      <c r="FP68" s="131"/>
      <c r="FQ68" s="131"/>
      <c r="FR68" s="131"/>
      <c r="FS68" s="131"/>
      <c r="FT68" s="131"/>
      <c r="FU68" s="131"/>
      <c r="FV68" s="131"/>
      <c r="FW68" s="13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11"/>
      <c r="NE68" s="112"/>
      <c r="NF68" s="112"/>
      <c r="NG68" s="112"/>
      <c r="NH68" s="112"/>
      <c r="NI68" s="112"/>
      <c r="NJ68" s="112"/>
      <c r="NK68" s="112"/>
      <c r="NL68" s="112"/>
      <c r="NM68" s="112"/>
      <c r="NN68" s="112"/>
      <c r="NO68" s="112"/>
      <c r="NP68" s="112"/>
      <c r="NQ68" s="112"/>
      <c r="NR68" s="113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0"/>
      <c r="CW69" s="131"/>
      <c r="CX69" s="131"/>
      <c r="CY69" s="131"/>
      <c r="CZ69" s="131"/>
      <c r="DA69" s="131"/>
      <c r="DB69" s="131"/>
      <c r="DC69" s="131"/>
      <c r="DD69" s="131"/>
      <c r="DE69" s="131"/>
      <c r="DF69" s="131"/>
      <c r="DG69" s="131"/>
      <c r="DH69" s="131"/>
      <c r="DI69" s="131"/>
      <c r="DJ69" s="131"/>
      <c r="DK69" s="131"/>
      <c r="DL69" s="131"/>
      <c r="DM69" s="131"/>
      <c r="DN69" s="131"/>
      <c r="DO69" s="131"/>
      <c r="DP69" s="131"/>
      <c r="DQ69" s="131"/>
      <c r="DR69" s="131"/>
      <c r="DS69" s="131"/>
      <c r="DT69" s="131"/>
      <c r="DU69" s="131"/>
      <c r="DV69" s="131"/>
      <c r="DW69" s="131"/>
      <c r="DX69" s="131"/>
      <c r="DY69" s="131"/>
      <c r="DZ69" s="131"/>
      <c r="EA69" s="131"/>
      <c r="EB69" s="131"/>
      <c r="EC69" s="131"/>
      <c r="ED69" s="131"/>
      <c r="EE69" s="131"/>
      <c r="EF69" s="131"/>
      <c r="EG69" s="131"/>
      <c r="EH69" s="131"/>
      <c r="EI69" s="131"/>
      <c r="EJ69" s="131"/>
      <c r="EK69" s="131"/>
      <c r="EL69" s="131"/>
      <c r="EM69" s="131"/>
      <c r="EN69" s="131"/>
      <c r="EO69" s="131"/>
      <c r="EP69" s="131"/>
      <c r="EQ69" s="131"/>
      <c r="ER69" s="131"/>
      <c r="ES69" s="131"/>
      <c r="ET69" s="131"/>
      <c r="EU69" s="131"/>
      <c r="EV69" s="131"/>
      <c r="EW69" s="131"/>
      <c r="EX69" s="131"/>
      <c r="EY69" s="131"/>
      <c r="EZ69" s="131"/>
      <c r="FA69" s="131"/>
      <c r="FB69" s="131"/>
      <c r="FC69" s="131"/>
      <c r="FD69" s="131"/>
      <c r="FE69" s="131"/>
      <c r="FF69" s="131"/>
      <c r="FG69" s="131"/>
      <c r="FH69" s="131"/>
      <c r="FI69" s="131"/>
      <c r="FJ69" s="131"/>
      <c r="FK69" s="131"/>
      <c r="FL69" s="131"/>
      <c r="FM69" s="131"/>
      <c r="FN69" s="131"/>
      <c r="FO69" s="131"/>
      <c r="FP69" s="131"/>
      <c r="FQ69" s="131"/>
      <c r="FR69" s="131"/>
      <c r="FS69" s="131"/>
      <c r="FT69" s="131"/>
      <c r="FU69" s="131"/>
      <c r="FV69" s="131"/>
      <c r="FW69" s="13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11"/>
      <c r="NE69" s="112"/>
      <c r="NF69" s="112"/>
      <c r="NG69" s="112"/>
      <c r="NH69" s="112"/>
      <c r="NI69" s="112"/>
      <c r="NJ69" s="112"/>
      <c r="NK69" s="112"/>
      <c r="NL69" s="112"/>
      <c r="NM69" s="112"/>
      <c r="NN69" s="112"/>
      <c r="NO69" s="112"/>
      <c r="NP69" s="112"/>
      <c r="NQ69" s="112"/>
      <c r="NR69" s="113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3"/>
      <c r="CW70" s="134"/>
      <c r="CX70" s="134"/>
      <c r="CY70" s="134"/>
      <c r="CZ70" s="134"/>
      <c r="DA70" s="134"/>
      <c r="DB70" s="134"/>
      <c r="DC70" s="134"/>
      <c r="DD70" s="134"/>
      <c r="DE70" s="134"/>
      <c r="DF70" s="134"/>
      <c r="DG70" s="134"/>
      <c r="DH70" s="134"/>
      <c r="DI70" s="134"/>
      <c r="DJ70" s="134"/>
      <c r="DK70" s="134"/>
      <c r="DL70" s="134"/>
      <c r="DM70" s="134"/>
      <c r="DN70" s="134"/>
      <c r="DO70" s="134"/>
      <c r="DP70" s="134"/>
      <c r="DQ70" s="134"/>
      <c r="DR70" s="134"/>
      <c r="DS70" s="134"/>
      <c r="DT70" s="134"/>
      <c r="DU70" s="134"/>
      <c r="DV70" s="134"/>
      <c r="DW70" s="134"/>
      <c r="DX70" s="134"/>
      <c r="DY70" s="134"/>
      <c r="DZ70" s="134"/>
      <c r="EA70" s="134"/>
      <c r="EB70" s="134"/>
      <c r="EC70" s="134"/>
      <c r="ED70" s="134"/>
      <c r="EE70" s="134"/>
      <c r="EF70" s="134"/>
      <c r="EG70" s="134"/>
      <c r="EH70" s="134"/>
      <c r="EI70" s="134"/>
      <c r="EJ70" s="134"/>
      <c r="EK70" s="134"/>
      <c r="EL70" s="134"/>
      <c r="EM70" s="134"/>
      <c r="EN70" s="134"/>
      <c r="EO70" s="134"/>
      <c r="EP70" s="134"/>
      <c r="EQ70" s="134"/>
      <c r="ER70" s="134"/>
      <c r="ES70" s="134"/>
      <c r="ET70" s="134"/>
      <c r="EU70" s="134"/>
      <c r="EV70" s="134"/>
      <c r="EW70" s="134"/>
      <c r="EX70" s="134"/>
      <c r="EY70" s="134"/>
      <c r="EZ70" s="134"/>
      <c r="FA70" s="134"/>
      <c r="FB70" s="134"/>
      <c r="FC70" s="134"/>
      <c r="FD70" s="134"/>
      <c r="FE70" s="134"/>
      <c r="FF70" s="134"/>
      <c r="FG70" s="134"/>
      <c r="FH70" s="134"/>
      <c r="FI70" s="134"/>
      <c r="FJ70" s="134"/>
      <c r="FK70" s="134"/>
      <c r="FL70" s="134"/>
      <c r="FM70" s="134"/>
      <c r="FN70" s="134"/>
      <c r="FO70" s="134"/>
      <c r="FP70" s="134"/>
      <c r="FQ70" s="134"/>
      <c r="FR70" s="134"/>
      <c r="FS70" s="134"/>
      <c r="FT70" s="134"/>
      <c r="FU70" s="134"/>
      <c r="FV70" s="134"/>
      <c r="FW70" s="13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11"/>
      <c r="NE70" s="112"/>
      <c r="NF70" s="112"/>
      <c r="NG70" s="112"/>
      <c r="NH70" s="112"/>
      <c r="NI70" s="112"/>
      <c r="NJ70" s="112"/>
      <c r="NK70" s="112"/>
      <c r="NL70" s="112"/>
      <c r="NM70" s="112"/>
      <c r="NN70" s="112"/>
      <c r="NO70" s="112"/>
      <c r="NP70" s="112"/>
      <c r="NQ70" s="112"/>
      <c r="NR70" s="113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11"/>
      <c r="NE71" s="112"/>
      <c r="NF71" s="112"/>
      <c r="NG71" s="112"/>
      <c r="NH71" s="112"/>
      <c r="NI71" s="112"/>
      <c r="NJ71" s="112"/>
      <c r="NK71" s="112"/>
      <c r="NL71" s="112"/>
      <c r="NM71" s="112"/>
      <c r="NN71" s="112"/>
      <c r="NO71" s="112"/>
      <c r="NP71" s="112"/>
      <c r="NQ71" s="112"/>
      <c r="NR71" s="113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6" t="s">
        <v>
34</v>
      </c>
      <c r="CW72" s="126"/>
      <c r="CX72" s="126"/>
      <c r="CY72" s="126"/>
      <c r="CZ72" s="126"/>
      <c r="DA72" s="126"/>
      <c r="DB72" s="126"/>
      <c r="DC72" s="126"/>
      <c r="DD72" s="126"/>
      <c r="DE72" s="126"/>
      <c r="DF72" s="126"/>
      <c r="DG72" s="126"/>
      <c r="DH72" s="126"/>
      <c r="DI72" s="126"/>
      <c r="DJ72" s="126"/>
      <c r="DK72" s="126"/>
      <c r="DL72" s="126"/>
      <c r="DM72" s="126"/>
      <c r="DN72" s="126"/>
      <c r="DO72" s="126"/>
      <c r="DP72" s="126"/>
      <c r="DQ72" s="126"/>
      <c r="DR72" s="126"/>
      <c r="DS72" s="126"/>
      <c r="DT72" s="126"/>
      <c r="DU72" s="126"/>
      <c r="DV72" s="126"/>
      <c r="DW72" s="126"/>
      <c r="DX72" s="126"/>
      <c r="DY72" s="126"/>
      <c r="DZ72" s="126"/>
      <c r="EA72" s="126"/>
      <c r="EB72" s="126"/>
      <c r="EC72" s="126"/>
      <c r="ED72" s="126"/>
      <c r="EE72" s="126"/>
      <c r="EF72" s="126"/>
      <c r="EG72" s="126"/>
      <c r="EH72" s="126"/>
      <c r="EI72" s="126"/>
      <c r="EJ72" s="126"/>
      <c r="EK72" s="126"/>
      <c r="EL72" s="126"/>
      <c r="EM72" s="126"/>
      <c r="EN72" s="126"/>
      <c r="EO72" s="126"/>
      <c r="EP72" s="126"/>
      <c r="EQ72" s="126"/>
      <c r="ER72" s="126"/>
      <c r="ES72" s="126"/>
      <c r="ET72" s="126"/>
      <c r="EU72" s="126"/>
      <c r="EV72" s="126"/>
      <c r="EW72" s="126"/>
      <c r="EX72" s="126"/>
      <c r="EY72" s="126"/>
      <c r="EZ72" s="126"/>
      <c r="FA72" s="126"/>
      <c r="FB72" s="126"/>
      <c r="FC72" s="126"/>
      <c r="FD72" s="126"/>
      <c r="FE72" s="126"/>
      <c r="FF72" s="126"/>
      <c r="FG72" s="126"/>
      <c r="FH72" s="126"/>
      <c r="FI72" s="126"/>
      <c r="FJ72" s="126"/>
      <c r="FK72" s="126"/>
      <c r="FL72" s="126"/>
      <c r="FM72" s="126"/>
      <c r="FN72" s="126"/>
      <c r="FO72" s="126"/>
      <c r="FP72" s="126"/>
      <c r="FQ72" s="126"/>
      <c r="FR72" s="126"/>
      <c r="FS72" s="126"/>
      <c r="FT72" s="126"/>
      <c r="FU72" s="126"/>
      <c r="FV72" s="126"/>
      <c r="FW72" s="12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11"/>
      <c r="NE72" s="112"/>
      <c r="NF72" s="112"/>
      <c r="NG72" s="112"/>
      <c r="NH72" s="112"/>
      <c r="NI72" s="112"/>
      <c r="NJ72" s="112"/>
      <c r="NK72" s="112"/>
      <c r="NL72" s="112"/>
      <c r="NM72" s="112"/>
      <c r="NN72" s="112"/>
      <c r="NO72" s="112"/>
      <c r="NP72" s="112"/>
      <c r="NQ72" s="112"/>
      <c r="NR72" s="113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6"/>
      <c r="CW73" s="126"/>
      <c r="CX73" s="126"/>
      <c r="CY73" s="126"/>
      <c r="CZ73" s="126"/>
      <c r="DA73" s="126"/>
      <c r="DB73" s="126"/>
      <c r="DC73" s="126"/>
      <c r="DD73" s="126"/>
      <c r="DE73" s="126"/>
      <c r="DF73" s="126"/>
      <c r="DG73" s="126"/>
      <c r="DH73" s="126"/>
      <c r="DI73" s="126"/>
      <c r="DJ73" s="126"/>
      <c r="DK73" s="126"/>
      <c r="DL73" s="126"/>
      <c r="DM73" s="126"/>
      <c r="DN73" s="126"/>
      <c r="DO73" s="126"/>
      <c r="DP73" s="126"/>
      <c r="DQ73" s="126"/>
      <c r="DR73" s="126"/>
      <c r="DS73" s="126"/>
      <c r="DT73" s="126"/>
      <c r="DU73" s="126"/>
      <c r="DV73" s="126"/>
      <c r="DW73" s="126"/>
      <c r="DX73" s="126"/>
      <c r="DY73" s="126"/>
      <c r="DZ73" s="126"/>
      <c r="EA73" s="126"/>
      <c r="EB73" s="126"/>
      <c r="EC73" s="126"/>
      <c r="ED73" s="126"/>
      <c r="EE73" s="126"/>
      <c r="EF73" s="126"/>
      <c r="EG73" s="126"/>
      <c r="EH73" s="126"/>
      <c r="EI73" s="126"/>
      <c r="EJ73" s="126"/>
      <c r="EK73" s="126"/>
      <c r="EL73" s="126"/>
      <c r="EM73" s="126"/>
      <c r="EN73" s="126"/>
      <c r="EO73" s="126"/>
      <c r="EP73" s="126"/>
      <c r="EQ73" s="126"/>
      <c r="ER73" s="126"/>
      <c r="ES73" s="126"/>
      <c r="ET73" s="126"/>
      <c r="EU73" s="126"/>
      <c r="EV73" s="126"/>
      <c r="EW73" s="126"/>
      <c r="EX73" s="126"/>
      <c r="EY73" s="126"/>
      <c r="EZ73" s="126"/>
      <c r="FA73" s="126"/>
      <c r="FB73" s="126"/>
      <c r="FC73" s="126"/>
      <c r="FD73" s="126"/>
      <c r="FE73" s="126"/>
      <c r="FF73" s="126"/>
      <c r="FG73" s="126"/>
      <c r="FH73" s="126"/>
      <c r="FI73" s="126"/>
      <c r="FJ73" s="126"/>
      <c r="FK73" s="126"/>
      <c r="FL73" s="126"/>
      <c r="FM73" s="126"/>
      <c r="FN73" s="126"/>
      <c r="FO73" s="126"/>
      <c r="FP73" s="126"/>
      <c r="FQ73" s="126"/>
      <c r="FR73" s="126"/>
      <c r="FS73" s="126"/>
      <c r="FT73" s="126"/>
      <c r="FU73" s="126"/>
      <c r="FV73" s="126"/>
      <c r="FW73" s="12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11"/>
      <c r="NE73" s="112"/>
      <c r="NF73" s="112"/>
      <c r="NG73" s="112"/>
      <c r="NH73" s="112"/>
      <c r="NI73" s="112"/>
      <c r="NJ73" s="112"/>
      <c r="NK73" s="112"/>
      <c r="NL73" s="112"/>
      <c r="NM73" s="112"/>
      <c r="NN73" s="112"/>
      <c r="NO73" s="112"/>
      <c r="NP73" s="112"/>
      <c r="NQ73" s="112"/>
      <c r="NR73" s="113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6"/>
      <c r="CW74" s="126"/>
      <c r="CX74" s="126"/>
      <c r="CY74" s="126"/>
      <c r="CZ74" s="126"/>
      <c r="DA74" s="126"/>
      <c r="DB74" s="126"/>
      <c r="DC74" s="126"/>
      <c r="DD74" s="126"/>
      <c r="DE74" s="126"/>
      <c r="DF74" s="126"/>
      <c r="DG74" s="126"/>
      <c r="DH74" s="126"/>
      <c r="DI74" s="126"/>
      <c r="DJ74" s="126"/>
      <c r="DK74" s="126"/>
      <c r="DL74" s="126"/>
      <c r="DM74" s="126"/>
      <c r="DN74" s="126"/>
      <c r="DO74" s="126"/>
      <c r="DP74" s="126"/>
      <c r="DQ74" s="126"/>
      <c r="DR74" s="126"/>
      <c r="DS74" s="126"/>
      <c r="DT74" s="126"/>
      <c r="DU74" s="126"/>
      <c r="DV74" s="126"/>
      <c r="DW74" s="126"/>
      <c r="DX74" s="126"/>
      <c r="DY74" s="126"/>
      <c r="DZ74" s="126"/>
      <c r="EA74" s="126"/>
      <c r="EB74" s="126"/>
      <c r="EC74" s="126"/>
      <c r="ED74" s="126"/>
      <c r="EE74" s="126"/>
      <c r="EF74" s="126"/>
      <c r="EG74" s="126"/>
      <c r="EH74" s="126"/>
      <c r="EI74" s="126"/>
      <c r="EJ74" s="126"/>
      <c r="EK74" s="126"/>
      <c r="EL74" s="126"/>
      <c r="EM74" s="126"/>
      <c r="EN74" s="126"/>
      <c r="EO74" s="126"/>
      <c r="EP74" s="126"/>
      <c r="EQ74" s="126"/>
      <c r="ER74" s="126"/>
      <c r="ES74" s="126"/>
      <c r="ET74" s="126"/>
      <c r="EU74" s="126"/>
      <c r="EV74" s="126"/>
      <c r="EW74" s="126"/>
      <c r="EX74" s="126"/>
      <c r="EY74" s="126"/>
      <c r="EZ74" s="126"/>
      <c r="FA74" s="126"/>
      <c r="FB74" s="126"/>
      <c r="FC74" s="126"/>
      <c r="FD74" s="126"/>
      <c r="FE74" s="126"/>
      <c r="FF74" s="126"/>
      <c r="FG74" s="126"/>
      <c r="FH74" s="126"/>
      <c r="FI74" s="126"/>
      <c r="FJ74" s="126"/>
      <c r="FK74" s="126"/>
      <c r="FL74" s="126"/>
      <c r="FM74" s="126"/>
      <c r="FN74" s="126"/>
      <c r="FO74" s="126"/>
      <c r="FP74" s="126"/>
      <c r="FQ74" s="126"/>
      <c r="FR74" s="126"/>
      <c r="FS74" s="126"/>
      <c r="FT74" s="126"/>
      <c r="FU74" s="126"/>
      <c r="FV74" s="126"/>
      <c r="FW74" s="12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11"/>
      <c r="NE74" s="112"/>
      <c r="NF74" s="112"/>
      <c r="NG74" s="112"/>
      <c r="NH74" s="112"/>
      <c r="NI74" s="112"/>
      <c r="NJ74" s="112"/>
      <c r="NK74" s="112"/>
      <c r="NL74" s="112"/>
      <c r="NM74" s="112"/>
      <c r="NN74" s="112"/>
      <c r="NO74" s="112"/>
      <c r="NP74" s="112"/>
      <c r="NQ74" s="112"/>
      <c r="NR74" s="113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6"/>
      <c r="CW75" s="126"/>
      <c r="CX75" s="126"/>
      <c r="CY75" s="126"/>
      <c r="CZ75" s="126"/>
      <c r="DA75" s="126"/>
      <c r="DB75" s="126"/>
      <c r="DC75" s="126"/>
      <c r="DD75" s="126"/>
      <c r="DE75" s="126"/>
      <c r="DF75" s="126"/>
      <c r="DG75" s="126"/>
      <c r="DH75" s="126"/>
      <c r="DI75" s="126"/>
      <c r="DJ75" s="126"/>
      <c r="DK75" s="126"/>
      <c r="DL75" s="126"/>
      <c r="DM75" s="126"/>
      <c r="DN75" s="126"/>
      <c r="DO75" s="126"/>
      <c r="DP75" s="126"/>
      <c r="DQ75" s="126"/>
      <c r="DR75" s="126"/>
      <c r="DS75" s="126"/>
      <c r="DT75" s="126"/>
      <c r="DU75" s="126"/>
      <c r="DV75" s="126"/>
      <c r="DW75" s="126"/>
      <c r="DX75" s="126"/>
      <c r="DY75" s="126"/>
      <c r="DZ75" s="126"/>
      <c r="EA75" s="126"/>
      <c r="EB75" s="126"/>
      <c r="EC75" s="126"/>
      <c r="ED75" s="126"/>
      <c r="EE75" s="126"/>
      <c r="EF75" s="126"/>
      <c r="EG75" s="126"/>
      <c r="EH75" s="126"/>
      <c r="EI75" s="126"/>
      <c r="EJ75" s="126"/>
      <c r="EK75" s="126"/>
      <c r="EL75" s="126"/>
      <c r="EM75" s="126"/>
      <c r="EN75" s="126"/>
      <c r="EO75" s="126"/>
      <c r="EP75" s="126"/>
      <c r="EQ75" s="126"/>
      <c r="ER75" s="126"/>
      <c r="ES75" s="126"/>
      <c r="ET75" s="126"/>
      <c r="EU75" s="126"/>
      <c r="EV75" s="126"/>
      <c r="EW75" s="126"/>
      <c r="EX75" s="126"/>
      <c r="EY75" s="126"/>
      <c r="EZ75" s="126"/>
      <c r="FA75" s="126"/>
      <c r="FB75" s="126"/>
      <c r="FC75" s="126"/>
      <c r="FD75" s="126"/>
      <c r="FE75" s="126"/>
      <c r="FF75" s="126"/>
      <c r="FG75" s="126"/>
      <c r="FH75" s="126"/>
      <c r="FI75" s="126"/>
      <c r="FJ75" s="126"/>
      <c r="FK75" s="126"/>
      <c r="FL75" s="126"/>
      <c r="FM75" s="126"/>
      <c r="FN75" s="126"/>
      <c r="FO75" s="126"/>
      <c r="FP75" s="126"/>
      <c r="FQ75" s="126"/>
      <c r="FR75" s="126"/>
      <c r="FS75" s="126"/>
      <c r="FT75" s="126"/>
      <c r="FU75" s="126"/>
      <c r="FV75" s="126"/>
      <c r="FW75" s="12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11"/>
      <c r="NE75" s="112"/>
      <c r="NF75" s="112"/>
      <c r="NG75" s="112"/>
      <c r="NH75" s="112"/>
      <c r="NI75" s="112"/>
      <c r="NJ75" s="112"/>
      <c r="NK75" s="112"/>
      <c r="NL75" s="112"/>
      <c r="NM75" s="112"/>
      <c r="NN75" s="112"/>
      <c r="NO75" s="112"/>
      <c r="NP75" s="112"/>
      <c r="NQ75" s="112"/>
      <c r="NR75" s="113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6" t="str">
        <f>
データ!$B$11</f>
        <v>
H28</v>
      </c>
      <c r="S76" s="137"/>
      <c r="T76" s="137"/>
      <c r="U76" s="137"/>
      <c r="V76" s="137"/>
      <c r="W76" s="137"/>
      <c r="X76" s="137"/>
      <c r="Y76" s="137"/>
      <c r="Z76" s="137"/>
      <c r="AA76" s="137"/>
      <c r="AB76" s="137"/>
      <c r="AC76" s="137"/>
      <c r="AD76" s="137"/>
      <c r="AE76" s="137"/>
      <c r="AF76" s="138"/>
      <c r="AG76" s="136" t="str">
        <f>
データ!$C$11</f>
        <v>
H29</v>
      </c>
      <c r="AH76" s="137"/>
      <c r="AI76" s="137"/>
      <c r="AJ76" s="137"/>
      <c r="AK76" s="137"/>
      <c r="AL76" s="137"/>
      <c r="AM76" s="137"/>
      <c r="AN76" s="137"/>
      <c r="AO76" s="137"/>
      <c r="AP76" s="137"/>
      <c r="AQ76" s="137"/>
      <c r="AR76" s="137"/>
      <c r="AS76" s="137"/>
      <c r="AT76" s="137"/>
      <c r="AU76" s="138"/>
      <c r="AV76" s="136" t="str">
        <f>
データ!$D$11</f>
        <v>
H30</v>
      </c>
      <c r="AW76" s="137"/>
      <c r="AX76" s="137"/>
      <c r="AY76" s="137"/>
      <c r="AZ76" s="137"/>
      <c r="BA76" s="137"/>
      <c r="BB76" s="137"/>
      <c r="BC76" s="137"/>
      <c r="BD76" s="137"/>
      <c r="BE76" s="137"/>
      <c r="BF76" s="137"/>
      <c r="BG76" s="137"/>
      <c r="BH76" s="137"/>
      <c r="BI76" s="137"/>
      <c r="BJ76" s="138"/>
      <c r="BK76" s="136" t="str">
        <f>
データ!$E$11</f>
        <v>
R01</v>
      </c>
      <c r="BL76" s="137"/>
      <c r="BM76" s="137"/>
      <c r="BN76" s="137"/>
      <c r="BO76" s="137"/>
      <c r="BP76" s="137"/>
      <c r="BQ76" s="137"/>
      <c r="BR76" s="137"/>
      <c r="BS76" s="137"/>
      <c r="BT76" s="137"/>
      <c r="BU76" s="137"/>
      <c r="BV76" s="137"/>
      <c r="BW76" s="137"/>
      <c r="BX76" s="137"/>
      <c r="BY76" s="138"/>
      <c r="BZ76" s="136" t="str">
        <f>
データ!$F$11</f>
        <v>
R02</v>
      </c>
      <c r="CA76" s="137"/>
      <c r="CB76" s="137"/>
      <c r="CC76" s="137"/>
      <c r="CD76" s="137"/>
      <c r="CE76" s="137"/>
      <c r="CF76" s="137"/>
      <c r="CG76" s="137"/>
      <c r="CH76" s="137"/>
      <c r="CI76" s="137"/>
      <c r="CJ76" s="137"/>
      <c r="CK76" s="137"/>
      <c r="CL76" s="137"/>
      <c r="CM76" s="137"/>
      <c r="CN76" s="138"/>
      <c r="CO76" s="4"/>
      <c r="CP76" s="4"/>
      <c r="CQ76" s="4"/>
      <c r="CR76" s="4"/>
      <c r="CS76" s="4"/>
      <c r="CT76" s="4"/>
      <c r="CU76" s="4"/>
      <c r="CV76" s="127">
        <f>
データ!CN7</f>
        <v>
0</v>
      </c>
      <c r="CW76" s="128"/>
      <c r="CX76" s="128"/>
      <c r="CY76" s="128"/>
      <c r="CZ76" s="128"/>
      <c r="DA76" s="128"/>
      <c r="DB76" s="128"/>
      <c r="DC76" s="128"/>
      <c r="DD76" s="128"/>
      <c r="DE76" s="128"/>
      <c r="DF76" s="128"/>
      <c r="DG76" s="128"/>
      <c r="DH76" s="128"/>
      <c r="DI76" s="128"/>
      <c r="DJ76" s="128"/>
      <c r="DK76" s="128"/>
      <c r="DL76" s="128"/>
      <c r="DM76" s="128"/>
      <c r="DN76" s="128"/>
      <c r="DO76" s="128"/>
      <c r="DP76" s="128"/>
      <c r="DQ76" s="128"/>
      <c r="DR76" s="128"/>
      <c r="DS76" s="128"/>
      <c r="DT76" s="128"/>
      <c r="DU76" s="128"/>
      <c r="DV76" s="128"/>
      <c r="DW76" s="128"/>
      <c r="DX76" s="128"/>
      <c r="DY76" s="128"/>
      <c r="DZ76" s="128"/>
      <c r="EA76" s="128"/>
      <c r="EB76" s="128"/>
      <c r="EC76" s="128"/>
      <c r="ED76" s="128"/>
      <c r="EE76" s="128"/>
      <c r="EF76" s="128"/>
      <c r="EG76" s="128"/>
      <c r="EH76" s="128"/>
      <c r="EI76" s="128"/>
      <c r="EJ76" s="128"/>
      <c r="EK76" s="128"/>
      <c r="EL76" s="128"/>
      <c r="EM76" s="128"/>
      <c r="EN76" s="128"/>
      <c r="EO76" s="128"/>
      <c r="EP76" s="128"/>
      <c r="EQ76" s="128"/>
      <c r="ER76" s="128"/>
      <c r="ES76" s="128"/>
      <c r="ET76" s="128"/>
      <c r="EU76" s="128"/>
      <c r="EV76" s="128"/>
      <c r="EW76" s="128"/>
      <c r="EX76" s="128"/>
      <c r="EY76" s="128"/>
      <c r="EZ76" s="128"/>
      <c r="FA76" s="128"/>
      <c r="FB76" s="128"/>
      <c r="FC76" s="128"/>
      <c r="FD76" s="128"/>
      <c r="FE76" s="128"/>
      <c r="FF76" s="128"/>
      <c r="FG76" s="128"/>
      <c r="FH76" s="128"/>
      <c r="FI76" s="128"/>
      <c r="FJ76" s="128"/>
      <c r="FK76" s="128"/>
      <c r="FL76" s="128"/>
      <c r="FM76" s="128"/>
      <c r="FN76" s="128"/>
      <c r="FO76" s="128"/>
      <c r="FP76" s="128"/>
      <c r="FQ76" s="128"/>
      <c r="FR76" s="128"/>
      <c r="FS76" s="128"/>
      <c r="FT76" s="128"/>
      <c r="FU76" s="128"/>
      <c r="FV76" s="128"/>
      <c r="FW76" s="12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6" t="str">
        <f>
データ!$B$11</f>
        <v>
H28</v>
      </c>
      <c r="GM76" s="137"/>
      <c r="GN76" s="137"/>
      <c r="GO76" s="137"/>
      <c r="GP76" s="137"/>
      <c r="GQ76" s="137"/>
      <c r="GR76" s="137"/>
      <c r="GS76" s="137"/>
      <c r="GT76" s="137"/>
      <c r="GU76" s="137"/>
      <c r="GV76" s="137"/>
      <c r="GW76" s="137"/>
      <c r="GX76" s="137"/>
      <c r="GY76" s="137"/>
      <c r="GZ76" s="138"/>
      <c r="HA76" s="136" t="str">
        <f>
データ!$C$11</f>
        <v>
H29</v>
      </c>
      <c r="HB76" s="137"/>
      <c r="HC76" s="137"/>
      <c r="HD76" s="137"/>
      <c r="HE76" s="137"/>
      <c r="HF76" s="137"/>
      <c r="HG76" s="137"/>
      <c r="HH76" s="137"/>
      <c r="HI76" s="137"/>
      <c r="HJ76" s="137"/>
      <c r="HK76" s="137"/>
      <c r="HL76" s="137"/>
      <c r="HM76" s="137"/>
      <c r="HN76" s="137"/>
      <c r="HO76" s="138"/>
      <c r="HP76" s="136" t="str">
        <f>
データ!$D$11</f>
        <v>
H30</v>
      </c>
      <c r="HQ76" s="137"/>
      <c r="HR76" s="137"/>
      <c r="HS76" s="137"/>
      <c r="HT76" s="137"/>
      <c r="HU76" s="137"/>
      <c r="HV76" s="137"/>
      <c r="HW76" s="137"/>
      <c r="HX76" s="137"/>
      <c r="HY76" s="137"/>
      <c r="HZ76" s="137"/>
      <c r="IA76" s="137"/>
      <c r="IB76" s="137"/>
      <c r="IC76" s="137"/>
      <c r="ID76" s="138"/>
      <c r="IE76" s="136" t="str">
        <f>
データ!$E$11</f>
        <v>
R01</v>
      </c>
      <c r="IF76" s="137"/>
      <c r="IG76" s="137"/>
      <c r="IH76" s="137"/>
      <c r="II76" s="137"/>
      <c r="IJ76" s="137"/>
      <c r="IK76" s="137"/>
      <c r="IL76" s="137"/>
      <c r="IM76" s="137"/>
      <c r="IN76" s="137"/>
      <c r="IO76" s="137"/>
      <c r="IP76" s="137"/>
      <c r="IQ76" s="137"/>
      <c r="IR76" s="137"/>
      <c r="IS76" s="138"/>
      <c r="IT76" s="136" t="str">
        <f>
データ!$F$11</f>
        <v>
R02</v>
      </c>
      <c r="IU76" s="137"/>
      <c r="IV76" s="137"/>
      <c r="IW76" s="137"/>
      <c r="IX76" s="137"/>
      <c r="IY76" s="137"/>
      <c r="IZ76" s="137"/>
      <c r="JA76" s="137"/>
      <c r="JB76" s="137"/>
      <c r="JC76" s="137"/>
      <c r="JD76" s="137"/>
      <c r="JE76" s="137"/>
      <c r="JF76" s="137"/>
      <c r="JG76" s="137"/>
      <c r="JH76" s="138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6" t="str">
        <f>
データ!$B$11</f>
        <v>
H28</v>
      </c>
      <c r="KB76" s="137"/>
      <c r="KC76" s="137"/>
      <c r="KD76" s="137"/>
      <c r="KE76" s="137"/>
      <c r="KF76" s="137"/>
      <c r="KG76" s="137"/>
      <c r="KH76" s="137"/>
      <c r="KI76" s="137"/>
      <c r="KJ76" s="137"/>
      <c r="KK76" s="137"/>
      <c r="KL76" s="137"/>
      <c r="KM76" s="137"/>
      <c r="KN76" s="137"/>
      <c r="KO76" s="138"/>
      <c r="KP76" s="136" t="str">
        <f>
データ!$C$11</f>
        <v>
H29</v>
      </c>
      <c r="KQ76" s="137"/>
      <c r="KR76" s="137"/>
      <c r="KS76" s="137"/>
      <c r="KT76" s="137"/>
      <c r="KU76" s="137"/>
      <c r="KV76" s="137"/>
      <c r="KW76" s="137"/>
      <c r="KX76" s="137"/>
      <c r="KY76" s="137"/>
      <c r="KZ76" s="137"/>
      <c r="LA76" s="137"/>
      <c r="LB76" s="137"/>
      <c r="LC76" s="137"/>
      <c r="LD76" s="138"/>
      <c r="LE76" s="136" t="str">
        <f>
データ!$D$11</f>
        <v>
H30</v>
      </c>
      <c r="LF76" s="137"/>
      <c r="LG76" s="137"/>
      <c r="LH76" s="137"/>
      <c r="LI76" s="137"/>
      <c r="LJ76" s="137"/>
      <c r="LK76" s="137"/>
      <c r="LL76" s="137"/>
      <c r="LM76" s="137"/>
      <c r="LN76" s="137"/>
      <c r="LO76" s="137"/>
      <c r="LP76" s="137"/>
      <c r="LQ76" s="137"/>
      <c r="LR76" s="137"/>
      <c r="LS76" s="138"/>
      <c r="LT76" s="136" t="str">
        <f>
データ!$E$11</f>
        <v>
R01</v>
      </c>
      <c r="LU76" s="137"/>
      <c r="LV76" s="137"/>
      <c r="LW76" s="137"/>
      <c r="LX76" s="137"/>
      <c r="LY76" s="137"/>
      <c r="LZ76" s="137"/>
      <c r="MA76" s="137"/>
      <c r="MB76" s="137"/>
      <c r="MC76" s="137"/>
      <c r="MD76" s="137"/>
      <c r="ME76" s="137"/>
      <c r="MF76" s="137"/>
      <c r="MG76" s="137"/>
      <c r="MH76" s="138"/>
      <c r="MI76" s="136" t="str">
        <f>
データ!$F$11</f>
        <v>
R02</v>
      </c>
      <c r="MJ76" s="137"/>
      <c r="MK76" s="137"/>
      <c r="ML76" s="137"/>
      <c r="MM76" s="137"/>
      <c r="MN76" s="137"/>
      <c r="MO76" s="137"/>
      <c r="MP76" s="137"/>
      <c r="MQ76" s="137"/>
      <c r="MR76" s="137"/>
      <c r="MS76" s="137"/>
      <c r="MT76" s="137"/>
      <c r="MU76" s="137"/>
      <c r="MV76" s="137"/>
      <c r="MW76" s="138"/>
      <c r="MX76" s="4"/>
      <c r="MY76" s="4"/>
      <c r="MZ76" s="4"/>
      <c r="NA76" s="4"/>
      <c r="NB76" s="4"/>
      <c r="NC76" s="44"/>
      <c r="ND76" s="111"/>
      <c r="NE76" s="112"/>
      <c r="NF76" s="112"/>
      <c r="NG76" s="112"/>
      <c r="NH76" s="112"/>
      <c r="NI76" s="112"/>
      <c r="NJ76" s="112"/>
      <c r="NK76" s="112"/>
      <c r="NL76" s="112"/>
      <c r="NM76" s="112"/>
      <c r="NN76" s="112"/>
      <c r="NO76" s="112"/>
      <c r="NP76" s="112"/>
      <c r="NQ76" s="112"/>
      <c r="NR76" s="113"/>
    </row>
    <row r="77" spans="1:382" ht="13.5" customHeight="1" x14ac:dyDescent="0.2">
      <c r="A77" s="2"/>
      <c r="B77" s="22"/>
      <c r="C77" s="4"/>
      <c r="D77" s="4"/>
      <c r="E77" s="4"/>
      <c r="F77" s="4"/>
      <c r="I77" s="139" t="s">
        <v>
27</v>
      </c>
      <c r="J77" s="139"/>
      <c r="K77" s="139"/>
      <c r="L77" s="139"/>
      <c r="M77" s="139"/>
      <c r="N77" s="139"/>
      <c r="O77" s="139"/>
      <c r="P77" s="139"/>
      <c r="Q77" s="139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0"/>
      <c r="CW77" s="131"/>
      <c r="CX77" s="131"/>
      <c r="CY77" s="131"/>
      <c r="CZ77" s="131"/>
      <c r="DA77" s="131"/>
      <c r="DB77" s="131"/>
      <c r="DC77" s="131"/>
      <c r="DD77" s="131"/>
      <c r="DE77" s="131"/>
      <c r="DF77" s="131"/>
      <c r="DG77" s="131"/>
      <c r="DH77" s="131"/>
      <c r="DI77" s="131"/>
      <c r="DJ77" s="131"/>
      <c r="DK77" s="131"/>
      <c r="DL77" s="131"/>
      <c r="DM77" s="131"/>
      <c r="DN77" s="131"/>
      <c r="DO77" s="131"/>
      <c r="DP77" s="131"/>
      <c r="DQ77" s="131"/>
      <c r="DR77" s="131"/>
      <c r="DS77" s="131"/>
      <c r="DT77" s="131"/>
      <c r="DU77" s="131"/>
      <c r="DV77" s="131"/>
      <c r="DW77" s="131"/>
      <c r="DX77" s="131"/>
      <c r="DY77" s="131"/>
      <c r="DZ77" s="131"/>
      <c r="EA77" s="131"/>
      <c r="EB77" s="131"/>
      <c r="EC77" s="131"/>
      <c r="ED77" s="131"/>
      <c r="EE77" s="131"/>
      <c r="EF77" s="131"/>
      <c r="EG77" s="131"/>
      <c r="EH77" s="131"/>
      <c r="EI77" s="131"/>
      <c r="EJ77" s="131"/>
      <c r="EK77" s="131"/>
      <c r="EL77" s="131"/>
      <c r="EM77" s="131"/>
      <c r="EN77" s="131"/>
      <c r="EO77" s="131"/>
      <c r="EP77" s="131"/>
      <c r="EQ77" s="131"/>
      <c r="ER77" s="131"/>
      <c r="ES77" s="131"/>
      <c r="ET77" s="131"/>
      <c r="EU77" s="131"/>
      <c r="EV77" s="131"/>
      <c r="EW77" s="131"/>
      <c r="EX77" s="131"/>
      <c r="EY77" s="131"/>
      <c r="EZ77" s="131"/>
      <c r="FA77" s="131"/>
      <c r="FB77" s="131"/>
      <c r="FC77" s="131"/>
      <c r="FD77" s="131"/>
      <c r="FE77" s="131"/>
      <c r="FF77" s="131"/>
      <c r="FG77" s="131"/>
      <c r="FH77" s="131"/>
      <c r="FI77" s="131"/>
      <c r="FJ77" s="131"/>
      <c r="FK77" s="131"/>
      <c r="FL77" s="131"/>
      <c r="FM77" s="131"/>
      <c r="FN77" s="131"/>
      <c r="FO77" s="131"/>
      <c r="FP77" s="131"/>
      <c r="FQ77" s="131"/>
      <c r="FR77" s="131"/>
      <c r="FS77" s="131"/>
      <c r="FT77" s="131"/>
      <c r="FU77" s="131"/>
      <c r="FV77" s="131"/>
      <c r="FW77" s="132"/>
      <c r="FY77" s="4"/>
      <c r="FZ77" s="4"/>
      <c r="GA77" s="4"/>
      <c r="GB77" s="4"/>
      <c r="GC77" s="139" t="s">
        <v>
27</v>
      </c>
      <c r="GD77" s="139"/>
      <c r="GE77" s="139"/>
      <c r="GF77" s="139"/>
      <c r="GG77" s="139"/>
      <c r="GH77" s="139"/>
      <c r="GI77" s="139"/>
      <c r="GJ77" s="139"/>
      <c r="GK77" s="139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39" t="s">
        <v>
27</v>
      </c>
      <c r="JS77" s="139"/>
      <c r="JT77" s="139"/>
      <c r="JU77" s="139"/>
      <c r="JV77" s="139"/>
      <c r="JW77" s="139"/>
      <c r="JX77" s="139"/>
      <c r="JY77" s="139"/>
      <c r="JZ77" s="139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11"/>
      <c r="NE77" s="112"/>
      <c r="NF77" s="112"/>
      <c r="NG77" s="112"/>
      <c r="NH77" s="112"/>
      <c r="NI77" s="112"/>
      <c r="NJ77" s="112"/>
      <c r="NK77" s="112"/>
      <c r="NL77" s="112"/>
      <c r="NM77" s="112"/>
      <c r="NN77" s="112"/>
      <c r="NO77" s="112"/>
      <c r="NP77" s="112"/>
      <c r="NQ77" s="112"/>
      <c r="NR77" s="113"/>
    </row>
    <row r="78" spans="1:382" ht="13.5" customHeight="1" x14ac:dyDescent="0.2">
      <c r="A78" s="2"/>
      <c r="B78" s="22"/>
      <c r="C78" s="4"/>
      <c r="D78" s="4"/>
      <c r="E78" s="4"/>
      <c r="F78" s="4"/>
      <c r="I78" s="139" t="s">
        <v>
29</v>
      </c>
      <c r="J78" s="139"/>
      <c r="K78" s="139"/>
      <c r="L78" s="139"/>
      <c r="M78" s="139"/>
      <c r="N78" s="139"/>
      <c r="O78" s="139"/>
      <c r="P78" s="139"/>
      <c r="Q78" s="139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0"/>
      <c r="CW78" s="131"/>
      <c r="CX78" s="131"/>
      <c r="CY78" s="131"/>
      <c r="CZ78" s="131"/>
      <c r="DA78" s="131"/>
      <c r="DB78" s="131"/>
      <c r="DC78" s="131"/>
      <c r="DD78" s="131"/>
      <c r="DE78" s="131"/>
      <c r="DF78" s="131"/>
      <c r="DG78" s="131"/>
      <c r="DH78" s="131"/>
      <c r="DI78" s="131"/>
      <c r="DJ78" s="131"/>
      <c r="DK78" s="131"/>
      <c r="DL78" s="131"/>
      <c r="DM78" s="131"/>
      <c r="DN78" s="131"/>
      <c r="DO78" s="131"/>
      <c r="DP78" s="131"/>
      <c r="DQ78" s="131"/>
      <c r="DR78" s="131"/>
      <c r="DS78" s="131"/>
      <c r="DT78" s="131"/>
      <c r="DU78" s="131"/>
      <c r="DV78" s="131"/>
      <c r="DW78" s="131"/>
      <c r="DX78" s="131"/>
      <c r="DY78" s="131"/>
      <c r="DZ78" s="131"/>
      <c r="EA78" s="131"/>
      <c r="EB78" s="131"/>
      <c r="EC78" s="131"/>
      <c r="ED78" s="131"/>
      <c r="EE78" s="131"/>
      <c r="EF78" s="131"/>
      <c r="EG78" s="131"/>
      <c r="EH78" s="131"/>
      <c r="EI78" s="131"/>
      <c r="EJ78" s="131"/>
      <c r="EK78" s="131"/>
      <c r="EL78" s="131"/>
      <c r="EM78" s="131"/>
      <c r="EN78" s="131"/>
      <c r="EO78" s="131"/>
      <c r="EP78" s="131"/>
      <c r="EQ78" s="131"/>
      <c r="ER78" s="131"/>
      <c r="ES78" s="131"/>
      <c r="ET78" s="131"/>
      <c r="EU78" s="131"/>
      <c r="EV78" s="131"/>
      <c r="EW78" s="131"/>
      <c r="EX78" s="131"/>
      <c r="EY78" s="131"/>
      <c r="EZ78" s="131"/>
      <c r="FA78" s="131"/>
      <c r="FB78" s="131"/>
      <c r="FC78" s="131"/>
      <c r="FD78" s="131"/>
      <c r="FE78" s="131"/>
      <c r="FF78" s="131"/>
      <c r="FG78" s="131"/>
      <c r="FH78" s="131"/>
      <c r="FI78" s="131"/>
      <c r="FJ78" s="131"/>
      <c r="FK78" s="131"/>
      <c r="FL78" s="131"/>
      <c r="FM78" s="131"/>
      <c r="FN78" s="131"/>
      <c r="FO78" s="131"/>
      <c r="FP78" s="131"/>
      <c r="FQ78" s="131"/>
      <c r="FR78" s="131"/>
      <c r="FS78" s="131"/>
      <c r="FT78" s="131"/>
      <c r="FU78" s="131"/>
      <c r="FV78" s="131"/>
      <c r="FW78" s="132"/>
      <c r="FY78" s="4"/>
      <c r="FZ78" s="4"/>
      <c r="GA78" s="4"/>
      <c r="GB78" s="4"/>
      <c r="GC78" s="139" t="s">
        <v>
29</v>
      </c>
      <c r="GD78" s="139"/>
      <c r="GE78" s="139"/>
      <c r="GF78" s="139"/>
      <c r="GG78" s="139"/>
      <c r="GH78" s="139"/>
      <c r="GI78" s="139"/>
      <c r="GJ78" s="139"/>
      <c r="GK78" s="139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39" t="s">
        <v>
29</v>
      </c>
      <c r="JS78" s="139"/>
      <c r="JT78" s="139"/>
      <c r="JU78" s="139"/>
      <c r="JV78" s="139"/>
      <c r="JW78" s="139"/>
      <c r="JX78" s="139"/>
      <c r="JY78" s="139"/>
      <c r="JZ78" s="139"/>
      <c r="KA78" s="119">
        <f>
データ!DE7</f>
        <v>
151.5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137.6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112.5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119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145.19999999999999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11"/>
      <c r="NE78" s="112"/>
      <c r="NF78" s="112"/>
      <c r="NG78" s="112"/>
      <c r="NH78" s="112"/>
      <c r="NI78" s="112"/>
      <c r="NJ78" s="112"/>
      <c r="NK78" s="112"/>
      <c r="NL78" s="112"/>
      <c r="NM78" s="112"/>
      <c r="NN78" s="112"/>
      <c r="NO78" s="112"/>
      <c r="NP78" s="112"/>
      <c r="NQ78" s="112"/>
      <c r="NR78" s="113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3"/>
      <c r="CW79" s="134"/>
      <c r="CX79" s="134"/>
      <c r="CY79" s="134"/>
      <c r="CZ79" s="134"/>
      <c r="DA79" s="134"/>
      <c r="DB79" s="134"/>
      <c r="DC79" s="134"/>
      <c r="DD79" s="134"/>
      <c r="DE79" s="134"/>
      <c r="DF79" s="134"/>
      <c r="DG79" s="134"/>
      <c r="DH79" s="134"/>
      <c r="DI79" s="134"/>
      <c r="DJ79" s="134"/>
      <c r="DK79" s="134"/>
      <c r="DL79" s="134"/>
      <c r="DM79" s="134"/>
      <c r="DN79" s="134"/>
      <c r="DO79" s="134"/>
      <c r="DP79" s="134"/>
      <c r="DQ79" s="134"/>
      <c r="DR79" s="134"/>
      <c r="DS79" s="134"/>
      <c r="DT79" s="134"/>
      <c r="DU79" s="134"/>
      <c r="DV79" s="134"/>
      <c r="DW79" s="134"/>
      <c r="DX79" s="134"/>
      <c r="DY79" s="134"/>
      <c r="DZ79" s="134"/>
      <c r="EA79" s="134"/>
      <c r="EB79" s="134"/>
      <c r="EC79" s="134"/>
      <c r="ED79" s="134"/>
      <c r="EE79" s="134"/>
      <c r="EF79" s="134"/>
      <c r="EG79" s="134"/>
      <c r="EH79" s="134"/>
      <c r="EI79" s="134"/>
      <c r="EJ79" s="134"/>
      <c r="EK79" s="134"/>
      <c r="EL79" s="134"/>
      <c r="EM79" s="134"/>
      <c r="EN79" s="134"/>
      <c r="EO79" s="134"/>
      <c r="EP79" s="134"/>
      <c r="EQ79" s="134"/>
      <c r="ER79" s="134"/>
      <c r="ES79" s="134"/>
      <c r="ET79" s="134"/>
      <c r="EU79" s="134"/>
      <c r="EV79" s="134"/>
      <c r="EW79" s="134"/>
      <c r="EX79" s="134"/>
      <c r="EY79" s="134"/>
      <c r="EZ79" s="134"/>
      <c r="FA79" s="134"/>
      <c r="FB79" s="134"/>
      <c r="FC79" s="134"/>
      <c r="FD79" s="134"/>
      <c r="FE79" s="134"/>
      <c r="FF79" s="134"/>
      <c r="FG79" s="134"/>
      <c r="FH79" s="134"/>
      <c r="FI79" s="134"/>
      <c r="FJ79" s="134"/>
      <c r="FK79" s="134"/>
      <c r="FL79" s="134"/>
      <c r="FM79" s="134"/>
      <c r="FN79" s="134"/>
      <c r="FO79" s="134"/>
      <c r="FP79" s="134"/>
      <c r="FQ79" s="134"/>
      <c r="FR79" s="134"/>
      <c r="FS79" s="134"/>
      <c r="FT79" s="134"/>
      <c r="FU79" s="134"/>
      <c r="FV79" s="134"/>
      <c r="FW79" s="13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11"/>
      <c r="NE79" s="112"/>
      <c r="NF79" s="112"/>
      <c r="NG79" s="112"/>
      <c r="NH79" s="112"/>
      <c r="NI79" s="112"/>
      <c r="NJ79" s="112"/>
      <c r="NK79" s="112"/>
      <c r="NL79" s="112"/>
      <c r="NM79" s="112"/>
      <c r="NN79" s="112"/>
      <c r="NO79" s="112"/>
      <c r="NP79" s="112"/>
      <c r="NQ79" s="112"/>
      <c r="NR79" s="113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11"/>
      <c r="NE80" s="112"/>
      <c r="NF80" s="112"/>
      <c r="NG80" s="112"/>
      <c r="NH80" s="112"/>
      <c r="NI80" s="112"/>
      <c r="NJ80" s="112"/>
      <c r="NK80" s="112"/>
      <c r="NL80" s="112"/>
      <c r="NM80" s="112"/>
      <c r="NN80" s="112"/>
      <c r="NO80" s="112"/>
      <c r="NP80" s="112"/>
      <c r="NQ80" s="112"/>
      <c r="NR80" s="113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11"/>
      <c r="NE81" s="112"/>
      <c r="NF81" s="112"/>
      <c r="NG81" s="112"/>
      <c r="NH81" s="112"/>
      <c r="NI81" s="112"/>
      <c r="NJ81" s="112"/>
      <c r="NK81" s="112"/>
      <c r="NL81" s="112"/>
      <c r="NM81" s="112"/>
      <c r="NN81" s="112"/>
      <c r="NO81" s="112"/>
      <c r="NP81" s="112"/>
      <c r="NQ81" s="112"/>
      <c r="NR81" s="113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2"/>
      <c r="NE82" s="123"/>
      <c r="NF82" s="123"/>
      <c r="NG82" s="123"/>
      <c r="NH82" s="123"/>
      <c r="NI82" s="123"/>
      <c r="NJ82" s="123"/>
      <c r="NK82" s="123"/>
      <c r="NL82" s="123"/>
      <c r="NM82" s="123"/>
      <c r="NN82" s="123"/>
      <c r="NO82" s="123"/>
      <c r="NP82" s="123"/>
      <c r="NQ82" s="123"/>
      <c r="NR82" s="124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630.7】</v>
      </c>
      <c r="C88" s="46" t="str">
        <f>
データ!AT6</f>
        <v>
【8.6】</v>
      </c>
      <c r="D88" s="46" t="str">
        <f>
データ!BE6</f>
        <v>
【2,345】</v>
      </c>
      <c r="E88" s="46" t="str">
        <f>
データ!DU6</f>
        <v>
【164.2】</v>
      </c>
      <c r="F88" s="46" t="str">
        <f>
データ!BP6</f>
        <v>
【△65.9】</v>
      </c>
      <c r="G88" s="46" t="str">
        <f>
データ!CA6</f>
        <v>
【3,932】</v>
      </c>
      <c r="H88" s="46" t="str">
        <f>
データ!CL6</f>
        <v xml:space="preserve">
 </v>
      </c>
      <c r="I88" s="46" t="s">
        <v>
48</v>
      </c>
      <c r="J88" s="46" t="s">
        <v>
49</v>
      </c>
      <c r="K88" s="46" t="str">
        <f>
データ!CY6</f>
        <v xml:space="preserve">
 </v>
      </c>
      <c r="L88" s="46" t="str">
        <f>
データ!DJ6</f>
        <v>
【183.4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RdBbWKb0jlQed/gM72o1ybe3bbBopzjmQZen7TuGUPqqOP/4vNd0MeXdwSdWJ1eESEvEMdQafQzsM6dOuVZeyg==" saltValue="oZ7MZyO78W2FKbmRXjXvig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.2" x14ac:dyDescent="0.2"/>
  <cols>
    <col min="1" max="1" width="14.6640625" customWidth="1"/>
    <col min="2" max="90" width="11.88671875" customWidth="1"/>
    <col min="91" max="92" width="15.44140625" customWidth="1"/>
    <col min="93" max="125" width="11.88671875" customWidth="1"/>
  </cols>
  <sheetData>
    <row r="1" spans="1:125" x14ac:dyDescent="0.2">
      <c r="A1" t="s">
        <v>
50</v>
      </c>
      <c r="Y1" s="48">
        <v>
1</v>
      </c>
      <c r="Z1" s="48">
        <v>
1</v>
      </c>
      <c r="AA1" s="48">
        <v>
1</v>
      </c>
      <c r="AB1" s="48">
        <v>
1</v>
      </c>
      <c r="AC1" s="48">
        <v>
1</v>
      </c>
      <c r="AD1" s="48">
        <v>
1</v>
      </c>
      <c r="AE1" s="48">
        <v>
1</v>
      </c>
      <c r="AF1" s="48">
        <v>
1</v>
      </c>
      <c r="AG1" s="48">
        <v>
1</v>
      </c>
      <c r="AH1" s="48">
        <v>
1</v>
      </c>
      <c r="AI1" s="48"/>
      <c r="AJ1" s="48">
        <v>
1</v>
      </c>
      <c r="AK1" s="48">
        <v>
1</v>
      </c>
      <c r="AL1" s="48">
        <v>
1</v>
      </c>
      <c r="AM1" s="48">
        <v>
1</v>
      </c>
      <c r="AN1" s="48">
        <v>
1</v>
      </c>
      <c r="AO1" s="48">
        <v>
1</v>
      </c>
      <c r="AP1" s="48">
        <v>
1</v>
      </c>
      <c r="AQ1" s="48">
        <v>
1</v>
      </c>
      <c r="AR1" s="48">
        <v>
1</v>
      </c>
      <c r="AS1" s="48">
        <v>
1</v>
      </c>
      <c r="AT1" s="48"/>
      <c r="AU1" s="48">
        <v>
1</v>
      </c>
      <c r="AV1" s="48">
        <v>
1</v>
      </c>
      <c r="AW1" s="48">
        <v>
1</v>
      </c>
      <c r="AX1" s="48">
        <v>
1</v>
      </c>
      <c r="AY1" s="48">
        <v>
1</v>
      </c>
      <c r="AZ1" s="48">
        <v>
1</v>
      </c>
      <c r="BA1" s="48">
        <v>
1</v>
      </c>
      <c r="BB1" s="48">
        <v>
1</v>
      </c>
      <c r="BC1" s="48">
        <v>
1</v>
      </c>
      <c r="BD1" s="48">
        <v>
1</v>
      </c>
      <c r="BE1" s="48"/>
      <c r="BF1" s="48">
        <v>
1</v>
      </c>
      <c r="BG1" s="48">
        <v>
1</v>
      </c>
      <c r="BH1" s="48">
        <v>
1</v>
      </c>
      <c r="BI1" s="48">
        <v>
1</v>
      </c>
      <c r="BJ1" s="48">
        <v>
1</v>
      </c>
      <c r="BK1" s="48">
        <v>
1</v>
      </c>
      <c r="BL1" s="48">
        <v>
1</v>
      </c>
      <c r="BM1" s="48">
        <v>
1</v>
      </c>
      <c r="BN1" s="48">
        <v>
1</v>
      </c>
      <c r="BO1" s="48">
        <v>
1</v>
      </c>
      <c r="BP1" s="48"/>
      <c r="BQ1" s="48">
        <v>
1</v>
      </c>
      <c r="BR1" s="48">
        <v>
1</v>
      </c>
      <c r="BS1" s="48">
        <v>
1</v>
      </c>
      <c r="BT1" s="48">
        <v>
1</v>
      </c>
      <c r="BU1" s="48">
        <v>
1</v>
      </c>
      <c r="BV1" s="48">
        <v>
1</v>
      </c>
      <c r="BW1" s="48">
        <v>
1</v>
      </c>
      <c r="BX1" s="48">
        <v>
1</v>
      </c>
      <c r="BY1" s="48">
        <v>
1</v>
      </c>
      <c r="BZ1" s="48">
        <v>
1</v>
      </c>
      <c r="CA1" s="48"/>
      <c r="CB1" s="48">
        <v>
1</v>
      </c>
      <c r="CC1" s="48">
        <v>
1</v>
      </c>
      <c r="CD1" s="48">
        <v>
1</v>
      </c>
      <c r="CE1" s="48">
        <v>
1</v>
      </c>
      <c r="CF1" s="48">
        <v>
1</v>
      </c>
      <c r="CG1" s="48">
        <v>
1</v>
      </c>
      <c r="CH1" s="48">
        <v>
1</v>
      </c>
      <c r="CI1" s="48">
        <v>
1</v>
      </c>
      <c r="CJ1" s="48">
        <v>
1</v>
      </c>
      <c r="CK1" s="48">
        <v>
1</v>
      </c>
      <c r="CL1" s="48"/>
      <c r="CO1" s="48">
        <v>
1</v>
      </c>
      <c r="CP1" s="48">
        <v>
1</v>
      </c>
      <c r="CQ1" s="48">
        <v>
1</v>
      </c>
      <c r="CR1" s="48">
        <v>
1</v>
      </c>
      <c r="CS1" s="48">
        <v>
1</v>
      </c>
      <c r="CT1" s="48">
        <v>
1</v>
      </c>
      <c r="CU1" s="48">
        <v>
1</v>
      </c>
      <c r="CV1" s="48">
        <v>
1</v>
      </c>
      <c r="CW1" s="48">
        <v>
1</v>
      </c>
      <c r="CX1" s="48">
        <v>
1</v>
      </c>
      <c r="CY1" s="48"/>
      <c r="CZ1" s="48">
        <v>
1</v>
      </c>
      <c r="DA1" s="48">
        <v>
1</v>
      </c>
      <c r="DB1" s="48">
        <v>
1</v>
      </c>
      <c r="DC1" s="48">
        <v>
1</v>
      </c>
      <c r="DD1" s="48">
        <v>
1</v>
      </c>
      <c r="DE1" s="48">
        <v>
1</v>
      </c>
      <c r="DF1" s="48">
        <v>
1</v>
      </c>
      <c r="DG1" s="48">
        <v>
1</v>
      </c>
      <c r="DH1" s="48">
        <v>
1</v>
      </c>
      <c r="DI1" s="48">
        <v>
1</v>
      </c>
      <c r="DJ1" s="48"/>
      <c r="DK1" s="48">
        <v>
1</v>
      </c>
      <c r="DL1" s="48">
        <v>
1</v>
      </c>
      <c r="DM1" s="48">
        <v>
1</v>
      </c>
      <c r="DN1" s="48">
        <v>
1</v>
      </c>
      <c r="DO1" s="48">
        <v>
1</v>
      </c>
      <c r="DP1" s="48">
        <v>
1</v>
      </c>
      <c r="DQ1" s="48">
        <v>
1</v>
      </c>
      <c r="DR1" s="48">
        <v>
1</v>
      </c>
      <c r="DS1" s="48">
        <v>
1</v>
      </c>
      <c r="DT1" s="48">
        <v>
1</v>
      </c>
      <c r="DU1" s="48"/>
    </row>
    <row r="2" spans="1:125" x14ac:dyDescent="0.2">
      <c r="A2" s="49" t="s">
        <v>
51</v>
      </c>
      <c r="B2" s="49">
        <f>
COLUMN()-1</f>
        <v>
1</v>
      </c>
      <c r="C2" s="49">
        <f t="shared" ref="C2:DU2" si="0">
COLUMN()-1</f>
        <v>
2</v>
      </c>
      <c r="D2" s="49">
        <f t="shared" si="0"/>
        <v>
3</v>
      </c>
      <c r="E2" s="49">
        <f t="shared" si="0"/>
        <v>
4</v>
      </c>
      <c r="F2" s="49">
        <f t="shared" si="0"/>
        <v>
5</v>
      </c>
      <c r="G2" s="49">
        <f t="shared" si="0"/>
        <v>
6</v>
      </c>
      <c r="H2" s="49">
        <f t="shared" si="0"/>
        <v>
7</v>
      </c>
      <c r="I2" s="49">
        <f t="shared" si="0"/>
        <v>
8</v>
      </c>
      <c r="J2" s="49">
        <f t="shared" si="0"/>
        <v>
9</v>
      </c>
      <c r="K2" s="49">
        <f t="shared" si="0"/>
        <v>
10</v>
      </c>
      <c r="L2" s="49">
        <f t="shared" si="0"/>
        <v>
11</v>
      </c>
      <c r="M2" s="49">
        <f t="shared" si="0"/>
        <v>
12</v>
      </c>
      <c r="N2" s="49">
        <f t="shared" si="0"/>
        <v>
13</v>
      </c>
      <c r="O2" s="49">
        <f t="shared" si="0"/>
        <v>
14</v>
      </c>
      <c r="P2" s="49">
        <f t="shared" si="0"/>
        <v>
15</v>
      </c>
      <c r="Q2" s="49">
        <f t="shared" si="0"/>
        <v>
16</v>
      </c>
      <c r="R2" s="49">
        <f t="shared" si="0"/>
        <v>
17</v>
      </c>
      <c r="S2" s="49">
        <f t="shared" si="0"/>
        <v>
18</v>
      </c>
      <c r="T2" s="49">
        <f t="shared" si="0"/>
        <v>
19</v>
      </c>
      <c r="U2" s="49">
        <f t="shared" si="0"/>
        <v>
20</v>
      </c>
      <c r="V2" s="49">
        <f t="shared" si="0"/>
        <v>
21</v>
      </c>
      <c r="W2" s="49">
        <f t="shared" si="0"/>
        <v>
22</v>
      </c>
      <c r="X2" s="49">
        <f t="shared" si="0"/>
        <v>
23</v>
      </c>
      <c r="Y2" s="49">
        <f t="shared" si="0"/>
        <v>
24</v>
      </c>
      <c r="Z2" s="49">
        <f t="shared" si="0"/>
        <v>
25</v>
      </c>
      <c r="AA2" s="49">
        <f t="shared" si="0"/>
        <v>
26</v>
      </c>
      <c r="AB2" s="49">
        <f t="shared" si="0"/>
        <v>
27</v>
      </c>
      <c r="AC2" s="49">
        <f t="shared" si="0"/>
        <v>
28</v>
      </c>
      <c r="AD2" s="49">
        <f t="shared" si="0"/>
        <v>
29</v>
      </c>
      <c r="AE2" s="49">
        <f t="shared" si="0"/>
        <v>
30</v>
      </c>
      <c r="AF2" s="49">
        <f t="shared" si="0"/>
        <v>
31</v>
      </c>
      <c r="AG2" s="49">
        <f t="shared" si="0"/>
        <v>
32</v>
      </c>
      <c r="AH2" s="49">
        <f t="shared" si="0"/>
        <v>
33</v>
      </c>
      <c r="AI2" s="49">
        <f t="shared" si="0"/>
        <v>
34</v>
      </c>
      <c r="AJ2" s="49">
        <f t="shared" si="0"/>
        <v>
35</v>
      </c>
      <c r="AK2" s="49">
        <f t="shared" si="0"/>
        <v>
36</v>
      </c>
      <c r="AL2" s="49">
        <f t="shared" si="0"/>
        <v>
37</v>
      </c>
      <c r="AM2" s="49">
        <f t="shared" si="0"/>
        <v>
38</v>
      </c>
      <c r="AN2" s="49">
        <f t="shared" si="0"/>
        <v>
39</v>
      </c>
      <c r="AO2" s="49">
        <f t="shared" si="0"/>
        <v>
40</v>
      </c>
      <c r="AP2" s="49">
        <f t="shared" si="0"/>
        <v>
41</v>
      </c>
      <c r="AQ2" s="49">
        <f t="shared" si="0"/>
        <v>
42</v>
      </c>
      <c r="AR2" s="49">
        <f t="shared" si="0"/>
        <v>
43</v>
      </c>
      <c r="AS2" s="49">
        <f t="shared" si="0"/>
        <v>
44</v>
      </c>
      <c r="AT2" s="49">
        <f t="shared" si="0"/>
        <v>
45</v>
      </c>
      <c r="AU2" s="49">
        <f t="shared" si="0"/>
        <v>
46</v>
      </c>
      <c r="AV2" s="49">
        <f t="shared" si="0"/>
        <v>
47</v>
      </c>
      <c r="AW2" s="49">
        <f t="shared" si="0"/>
        <v>
48</v>
      </c>
      <c r="AX2" s="49">
        <f t="shared" si="0"/>
        <v>
49</v>
      </c>
      <c r="AY2" s="49">
        <f t="shared" si="0"/>
        <v>
50</v>
      </c>
      <c r="AZ2" s="49">
        <f t="shared" si="0"/>
        <v>
51</v>
      </c>
      <c r="BA2" s="49">
        <f t="shared" si="0"/>
        <v>
52</v>
      </c>
      <c r="BB2" s="49">
        <f t="shared" si="0"/>
        <v>
53</v>
      </c>
      <c r="BC2" s="49">
        <f t="shared" si="0"/>
        <v>
54</v>
      </c>
      <c r="BD2" s="49">
        <f t="shared" si="0"/>
        <v>
55</v>
      </c>
      <c r="BE2" s="49">
        <f t="shared" si="0"/>
        <v>
56</v>
      </c>
      <c r="BF2" s="49">
        <f t="shared" si="0"/>
        <v>
57</v>
      </c>
      <c r="BG2" s="49">
        <f t="shared" si="0"/>
        <v>
58</v>
      </c>
      <c r="BH2" s="49">
        <f t="shared" si="0"/>
        <v>
59</v>
      </c>
      <c r="BI2" s="49">
        <f t="shared" si="0"/>
        <v>
60</v>
      </c>
      <c r="BJ2" s="49">
        <f t="shared" si="0"/>
        <v>
61</v>
      </c>
      <c r="BK2" s="49">
        <f t="shared" si="0"/>
        <v>
62</v>
      </c>
      <c r="BL2" s="49">
        <f t="shared" si="0"/>
        <v>
63</v>
      </c>
      <c r="BM2" s="49">
        <f t="shared" si="0"/>
        <v>
64</v>
      </c>
      <c r="BN2" s="49">
        <f t="shared" si="0"/>
        <v>
65</v>
      </c>
      <c r="BO2" s="49">
        <f t="shared" si="0"/>
        <v>
66</v>
      </c>
      <c r="BP2" s="49">
        <f t="shared" si="0"/>
        <v>
67</v>
      </c>
      <c r="BQ2" s="49">
        <f t="shared" si="0"/>
        <v>
68</v>
      </c>
      <c r="BR2" s="49">
        <f t="shared" si="0"/>
        <v>
69</v>
      </c>
      <c r="BS2" s="49">
        <f t="shared" si="0"/>
        <v>
70</v>
      </c>
      <c r="BT2" s="49">
        <f t="shared" si="0"/>
        <v>
71</v>
      </c>
      <c r="BU2" s="49">
        <f t="shared" si="0"/>
        <v>
72</v>
      </c>
      <c r="BV2" s="49">
        <f t="shared" si="0"/>
        <v>
73</v>
      </c>
      <c r="BW2" s="49">
        <f t="shared" si="0"/>
        <v>
74</v>
      </c>
      <c r="BX2" s="49">
        <f t="shared" si="0"/>
        <v>
75</v>
      </c>
      <c r="BY2" s="49">
        <f t="shared" si="0"/>
        <v>
76</v>
      </c>
      <c r="BZ2" s="49">
        <f t="shared" si="0"/>
        <v>
77</v>
      </c>
      <c r="CA2" s="49">
        <f t="shared" si="0"/>
        <v>
78</v>
      </c>
      <c r="CB2" s="49">
        <f t="shared" si="0"/>
        <v>
79</v>
      </c>
      <c r="CC2" s="49">
        <f t="shared" si="0"/>
        <v>
80</v>
      </c>
      <c r="CD2" s="49">
        <f t="shared" si="0"/>
        <v>
81</v>
      </c>
      <c r="CE2" s="49">
        <f t="shared" si="0"/>
        <v>
82</v>
      </c>
      <c r="CF2" s="49">
        <f t="shared" si="0"/>
        <v>
83</v>
      </c>
      <c r="CG2" s="49">
        <f t="shared" si="0"/>
        <v>
84</v>
      </c>
      <c r="CH2" s="49">
        <f t="shared" si="0"/>
        <v>
85</v>
      </c>
      <c r="CI2" s="49">
        <f t="shared" si="0"/>
        <v>
86</v>
      </c>
      <c r="CJ2" s="49">
        <f t="shared" si="0"/>
        <v>
87</v>
      </c>
      <c r="CK2" s="49">
        <f t="shared" si="0"/>
        <v>
88</v>
      </c>
      <c r="CL2" s="49">
        <f t="shared" si="0"/>
        <v>
89</v>
      </c>
      <c r="CM2" s="49">
        <f t="shared" si="0"/>
        <v>
90</v>
      </c>
      <c r="CN2" s="49">
        <f t="shared" si="0"/>
        <v>
91</v>
      </c>
      <c r="CO2" s="49">
        <f t="shared" si="0"/>
        <v>
92</v>
      </c>
      <c r="CP2" s="49">
        <f t="shared" si="0"/>
        <v>
93</v>
      </c>
      <c r="CQ2" s="49">
        <f t="shared" si="0"/>
        <v>
94</v>
      </c>
      <c r="CR2" s="49">
        <f t="shared" si="0"/>
        <v>
95</v>
      </c>
      <c r="CS2" s="49">
        <f t="shared" si="0"/>
        <v>
96</v>
      </c>
      <c r="CT2" s="49">
        <f t="shared" si="0"/>
        <v>
97</v>
      </c>
      <c r="CU2" s="49">
        <f t="shared" si="0"/>
        <v>
98</v>
      </c>
      <c r="CV2" s="49">
        <f t="shared" si="0"/>
        <v>
99</v>
      </c>
      <c r="CW2" s="49">
        <f t="shared" si="0"/>
        <v>
100</v>
      </c>
      <c r="CX2" s="49">
        <f t="shared" si="0"/>
        <v>
101</v>
      </c>
      <c r="CY2" s="49">
        <f t="shared" si="0"/>
        <v>
102</v>
      </c>
      <c r="CZ2" s="49">
        <f t="shared" si="0"/>
        <v>
103</v>
      </c>
      <c r="DA2" s="49">
        <f t="shared" si="0"/>
        <v>
104</v>
      </c>
      <c r="DB2" s="49">
        <f t="shared" si="0"/>
        <v>
105</v>
      </c>
      <c r="DC2" s="49">
        <f t="shared" si="0"/>
        <v>
106</v>
      </c>
      <c r="DD2" s="49">
        <f t="shared" si="0"/>
        <v>
107</v>
      </c>
      <c r="DE2" s="49">
        <f t="shared" si="0"/>
        <v>
108</v>
      </c>
      <c r="DF2" s="49">
        <f t="shared" si="0"/>
        <v>
109</v>
      </c>
      <c r="DG2" s="49">
        <f t="shared" si="0"/>
        <v>
110</v>
      </c>
      <c r="DH2" s="49">
        <f t="shared" si="0"/>
        <v>
111</v>
      </c>
      <c r="DI2" s="49">
        <f t="shared" si="0"/>
        <v>
112</v>
      </c>
      <c r="DJ2" s="49">
        <f t="shared" si="0"/>
        <v>
113</v>
      </c>
      <c r="DK2" s="49">
        <f t="shared" si="0"/>
        <v>
114</v>
      </c>
      <c r="DL2" s="49">
        <f t="shared" si="0"/>
        <v>
115</v>
      </c>
      <c r="DM2" s="49">
        <f t="shared" si="0"/>
        <v>
116</v>
      </c>
      <c r="DN2" s="49">
        <f t="shared" si="0"/>
        <v>
117</v>
      </c>
      <c r="DO2" s="49">
        <f t="shared" si="0"/>
        <v>
118</v>
      </c>
      <c r="DP2" s="49">
        <f t="shared" si="0"/>
        <v>
119</v>
      </c>
      <c r="DQ2" s="49">
        <f t="shared" si="0"/>
        <v>
120</v>
      </c>
      <c r="DR2" s="49">
        <f t="shared" si="0"/>
        <v>
121</v>
      </c>
      <c r="DS2" s="49">
        <f t="shared" si="0"/>
        <v>
122</v>
      </c>
      <c r="DT2" s="49">
        <f t="shared" si="0"/>
        <v>
123</v>
      </c>
      <c r="DU2" s="49">
        <f t="shared" si="0"/>
        <v>
124</v>
      </c>
    </row>
    <row r="3" spans="1:125" ht="13.2" customHeight="1" x14ac:dyDescent="0.2">
      <c r="A3" s="49" t="s">
        <v>
52</v>
      </c>
      <c r="B3" s="50" t="s">
        <v>
53</v>
      </c>
      <c r="C3" s="50" t="s">
        <v>
54</v>
      </c>
      <c r="D3" s="50" t="s">
        <v>
55</v>
      </c>
      <c r="E3" s="50" t="s">
        <v>
56</v>
      </c>
      <c r="F3" s="50" t="s">
        <v>
57</v>
      </c>
      <c r="G3" s="50" t="s">
        <v>
58</v>
      </c>
      <c r="H3" s="143" t="s">
        <v>
59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
60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
61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
62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
63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
64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
65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
66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
67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
68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
69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
70</v>
      </c>
      <c r="CN4" s="149" t="s">
        <v>
71</v>
      </c>
      <c r="CO4" s="140" t="s">
        <v>
72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
73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
74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
75</v>
      </c>
      <c r="B5" s="58"/>
      <c r="C5" s="58"/>
      <c r="D5" s="58"/>
      <c r="E5" s="58"/>
      <c r="F5" s="58"/>
      <c r="G5" s="58"/>
      <c r="H5" s="59" t="s">
        <v>
76</v>
      </c>
      <c r="I5" s="59" t="s">
        <v>
77</v>
      </c>
      <c r="J5" s="59" t="s">
        <v>
78</v>
      </c>
      <c r="K5" s="59" t="s">
        <v>
79</v>
      </c>
      <c r="L5" s="59" t="s">
        <v>
80</v>
      </c>
      <c r="M5" s="59" t="s">
        <v>
4</v>
      </c>
      <c r="N5" s="59" t="s">
        <v>
5</v>
      </c>
      <c r="O5" s="59" t="s">
        <v>
81</v>
      </c>
      <c r="P5" s="59" t="s">
        <v>
13</v>
      </c>
      <c r="Q5" s="59" t="s">
        <v>
82</v>
      </c>
      <c r="R5" s="59" t="s">
        <v>
83</v>
      </c>
      <c r="S5" s="59" t="s">
        <v>
84</v>
      </c>
      <c r="T5" s="59" t="s">
        <v>
85</v>
      </c>
      <c r="U5" s="59" t="s">
        <v>
86</v>
      </c>
      <c r="V5" s="59" t="s">
        <v>
87</v>
      </c>
      <c r="W5" s="59" t="s">
        <v>
88</v>
      </c>
      <c r="X5" s="59" t="s">
        <v>
89</v>
      </c>
      <c r="Y5" s="59" t="s">
        <v>
90</v>
      </c>
      <c r="Z5" s="59" t="s">
        <v>
91</v>
      </c>
      <c r="AA5" s="59" t="s">
        <v>
92</v>
      </c>
      <c r="AB5" s="59" t="s">
        <v>
93</v>
      </c>
      <c r="AC5" s="59" t="s">
        <v>
94</v>
      </c>
      <c r="AD5" s="59" t="s">
        <v>
95</v>
      </c>
      <c r="AE5" s="59" t="s">
        <v>
96</v>
      </c>
      <c r="AF5" s="59" t="s">
        <v>
97</v>
      </c>
      <c r="AG5" s="59" t="s">
        <v>
98</v>
      </c>
      <c r="AH5" s="59" t="s">
        <v>
99</v>
      </c>
      <c r="AI5" s="59" t="s">
        <v>
100</v>
      </c>
      <c r="AJ5" s="59" t="s">
        <v>
101</v>
      </c>
      <c r="AK5" s="59" t="s">
        <v>
102</v>
      </c>
      <c r="AL5" s="59" t="s">
        <v>
103</v>
      </c>
      <c r="AM5" s="59" t="s">
        <v>
104</v>
      </c>
      <c r="AN5" s="59" t="s">
        <v>
105</v>
      </c>
      <c r="AO5" s="59" t="s">
        <v>
95</v>
      </c>
      <c r="AP5" s="59" t="s">
        <v>
96</v>
      </c>
      <c r="AQ5" s="59" t="s">
        <v>
97</v>
      </c>
      <c r="AR5" s="59" t="s">
        <v>
98</v>
      </c>
      <c r="AS5" s="59" t="s">
        <v>
99</v>
      </c>
      <c r="AT5" s="59" t="s">
        <v>
100</v>
      </c>
      <c r="AU5" s="59" t="s">
        <v>
106</v>
      </c>
      <c r="AV5" s="59" t="s">
        <v>
107</v>
      </c>
      <c r="AW5" s="59" t="s">
        <v>
108</v>
      </c>
      <c r="AX5" s="59" t="s">
        <v>
93</v>
      </c>
      <c r="AY5" s="59" t="s">
        <v>
109</v>
      </c>
      <c r="AZ5" s="59" t="s">
        <v>
95</v>
      </c>
      <c r="BA5" s="59" t="s">
        <v>
96</v>
      </c>
      <c r="BB5" s="59" t="s">
        <v>
97</v>
      </c>
      <c r="BC5" s="59" t="s">
        <v>
98</v>
      </c>
      <c r="BD5" s="59" t="s">
        <v>
99</v>
      </c>
      <c r="BE5" s="59" t="s">
        <v>
100</v>
      </c>
      <c r="BF5" s="59" t="s">
        <v>
90</v>
      </c>
      <c r="BG5" s="59" t="s">
        <v>
102</v>
      </c>
      <c r="BH5" s="59" t="s">
        <v>
110</v>
      </c>
      <c r="BI5" s="59" t="s">
        <v>
93</v>
      </c>
      <c r="BJ5" s="59" t="s">
        <v>
111</v>
      </c>
      <c r="BK5" s="59" t="s">
        <v>
95</v>
      </c>
      <c r="BL5" s="59" t="s">
        <v>
96</v>
      </c>
      <c r="BM5" s="59" t="s">
        <v>
97</v>
      </c>
      <c r="BN5" s="59" t="s">
        <v>
98</v>
      </c>
      <c r="BO5" s="59" t="s">
        <v>
99</v>
      </c>
      <c r="BP5" s="59" t="s">
        <v>
100</v>
      </c>
      <c r="BQ5" s="59" t="s">
        <v>
112</v>
      </c>
      <c r="BR5" s="59" t="s">
        <v>
91</v>
      </c>
      <c r="BS5" s="59" t="s">
        <v>
103</v>
      </c>
      <c r="BT5" s="59" t="s">
        <v>
93</v>
      </c>
      <c r="BU5" s="59" t="s">
        <v>
109</v>
      </c>
      <c r="BV5" s="59" t="s">
        <v>
95</v>
      </c>
      <c r="BW5" s="59" t="s">
        <v>
96</v>
      </c>
      <c r="BX5" s="59" t="s">
        <v>
97</v>
      </c>
      <c r="BY5" s="59" t="s">
        <v>
98</v>
      </c>
      <c r="BZ5" s="59" t="s">
        <v>
99</v>
      </c>
      <c r="CA5" s="59" t="s">
        <v>
100</v>
      </c>
      <c r="CB5" s="59" t="s">
        <v>
90</v>
      </c>
      <c r="CC5" s="59" t="s">
        <v>
107</v>
      </c>
      <c r="CD5" s="59" t="s">
        <v>
113</v>
      </c>
      <c r="CE5" s="59" t="s">
        <v>
114</v>
      </c>
      <c r="CF5" s="59" t="s">
        <v>
109</v>
      </c>
      <c r="CG5" s="59" t="s">
        <v>
95</v>
      </c>
      <c r="CH5" s="59" t="s">
        <v>
96</v>
      </c>
      <c r="CI5" s="59" t="s">
        <v>
97</v>
      </c>
      <c r="CJ5" s="59" t="s">
        <v>
98</v>
      </c>
      <c r="CK5" s="59" t="s">
        <v>
99</v>
      </c>
      <c r="CL5" s="59" t="s">
        <v>
100</v>
      </c>
      <c r="CM5" s="150"/>
      <c r="CN5" s="150"/>
      <c r="CO5" s="59" t="s">
        <v>
115</v>
      </c>
      <c r="CP5" s="59" t="s">
        <v>
116</v>
      </c>
      <c r="CQ5" s="59" t="s">
        <v>
92</v>
      </c>
      <c r="CR5" s="59" t="s">
        <v>
93</v>
      </c>
      <c r="CS5" s="59" t="s">
        <v>
109</v>
      </c>
      <c r="CT5" s="59" t="s">
        <v>
95</v>
      </c>
      <c r="CU5" s="59" t="s">
        <v>
96</v>
      </c>
      <c r="CV5" s="59" t="s">
        <v>
97</v>
      </c>
      <c r="CW5" s="59" t="s">
        <v>
98</v>
      </c>
      <c r="CX5" s="59" t="s">
        <v>
99</v>
      </c>
      <c r="CY5" s="59" t="s">
        <v>
100</v>
      </c>
      <c r="CZ5" s="59" t="s">
        <v>
90</v>
      </c>
      <c r="DA5" s="59" t="s">
        <v>
91</v>
      </c>
      <c r="DB5" s="59" t="s">
        <v>
103</v>
      </c>
      <c r="DC5" s="59" t="s">
        <v>
93</v>
      </c>
      <c r="DD5" s="59" t="s">
        <v>
109</v>
      </c>
      <c r="DE5" s="59" t="s">
        <v>
95</v>
      </c>
      <c r="DF5" s="59" t="s">
        <v>
96</v>
      </c>
      <c r="DG5" s="59" t="s">
        <v>
97</v>
      </c>
      <c r="DH5" s="59" t="s">
        <v>
98</v>
      </c>
      <c r="DI5" s="59" t="s">
        <v>
99</v>
      </c>
      <c r="DJ5" s="59" t="s">
        <v>
35</v>
      </c>
      <c r="DK5" s="59" t="s">
        <v>
90</v>
      </c>
      <c r="DL5" s="59" t="s">
        <v>
91</v>
      </c>
      <c r="DM5" s="59" t="s">
        <v>
103</v>
      </c>
      <c r="DN5" s="59" t="s">
        <v>
93</v>
      </c>
      <c r="DO5" s="59" t="s">
        <v>
109</v>
      </c>
      <c r="DP5" s="59" t="s">
        <v>
95</v>
      </c>
      <c r="DQ5" s="59" t="s">
        <v>
96</v>
      </c>
      <c r="DR5" s="59" t="s">
        <v>
97</v>
      </c>
      <c r="DS5" s="59" t="s">
        <v>
98</v>
      </c>
      <c r="DT5" s="59" t="s">
        <v>
99</v>
      </c>
      <c r="DU5" s="59" t="s">
        <v>
100</v>
      </c>
    </row>
    <row r="6" spans="1:125" s="66" customFormat="1" x14ac:dyDescent="0.2">
      <c r="A6" s="49" t="s">
        <v>
117</v>
      </c>
      <c r="B6" s="60">
        <f>
B8</f>
        <v>
2020</v>
      </c>
      <c r="C6" s="60">
        <f t="shared" ref="C6:X6" si="1">
C8</f>
        <v>
131024</v>
      </c>
      <c r="D6" s="60">
        <f t="shared" si="1"/>
        <v>
47</v>
      </c>
      <c r="E6" s="60">
        <f t="shared" si="1"/>
        <v>
14</v>
      </c>
      <c r="F6" s="60">
        <f t="shared" si="1"/>
        <v>
0</v>
      </c>
      <c r="G6" s="60">
        <f t="shared" si="1"/>
        <v>
2</v>
      </c>
      <c r="H6" s="60" t="str">
        <f>
SUBSTITUTE(H8,"　","")</f>
        <v>
東京都中央区</v>
      </c>
      <c r="I6" s="60" t="str">
        <f t="shared" si="1"/>
        <v>
銀座地下駐車場</v>
      </c>
      <c r="J6" s="60" t="str">
        <f t="shared" si="1"/>
        <v>
法非適用</v>
      </c>
      <c r="K6" s="60" t="str">
        <f t="shared" si="1"/>
        <v>
駐車場整備事業</v>
      </c>
      <c r="L6" s="60" t="str">
        <f t="shared" si="1"/>
        <v>
-</v>
      </c>
      <c r="M6" s="60" t="str">
        <f t="shared" si="1"/>
        <v>
Ａ２Ｂ２</v>
      </c>
      <c r="N6" s="60" t="str">
        <f t="shared" si="1"/>
        <v>
非設置</v>
      </c>
      <c r="O6" s="61" t="str">
        <f t="shared" si="1"/>
        <v>
該当数値なし</v>
      </c>
      <c r="P6" s="62" t="str">
        <f t="shared" si="1"/>
        <v>
都市計画駐車場 届出駐車場</v>
      </c>
      <c r="Q6" s="62" t="str">
        <f t="shared" si="1"/>
        <v>
地下式</v>
      </c>
      <c r="R6" s="63">
        <f t="shared" si="1"/>
        <v>
21</v>
      </c>
      <c r="S6" s="62" t="str">
        <f t="shared" si="1"/>
        <v>
公共施設</v>
      </c>
      <c r="T6" s="62" t="str">
        <f t="shared" si="1"/>
        <v>
有</v>
      </c>
      <c r="U6" s="63">
        <f t="shared" si="1"/>
        <v>
5378</v>
      </c>
      <c r="V6" s="63">
        <f t="shared" si="1"/>
        <v>
134</v>
      </c>
      <c r="W6" s="63">
        <f t="shared" si="1"/>
        <v>
400</v>
      </c>
      <c r="X6" s="62" t="str">
        <f t="shared" si="1"/>
        <v>
無</v>
      </c>
      <c r="Y6" s="64">
        <f>
IF(Y8="-",NA(),Y8)</f>
        <v>
100</v>
      </c>
      <c r="Z6" s="64">
        <f t="shared" ref="Z6:AH6" si="2">
IF(Z8="-",NA(),Z8)</f>
        <v>
102.9</v>
      </c>
      <c r="AA6" s="64">
        <f t="shared" si="2"/>
        <v>
91</v>
      </c>
      <c r="AB6" s="64">
        <f t="shared" si="2"/>
        <v>
111</v>
      </c>
      <c r="AC6" s="64">
        <f t="shared" si="2"/>
        <v>
96</v>
      </c>
      <c r="AD6" s="64">
        <f t="shared" si="2"/>
        <v>
142.1</v>
      </c>
      <c r="AE6" s="64">
        <f t="shared" si="2"/>
        <v>
135.1</v>
      </c>
      <c r="AF6" s="64">
        <f t="shared" si="2"/>
        <v>
153.30000000000001</v>
      </c>
      <c r="AG6" s="64">
        <f t="shared" si="2"/>
        <v>
137.6</v>
      </c>
      <c r="AH6" s="64">
        <f t="shared" si="2"/>
        <v>
127.8</v>
      </c>
      <c r="AI6" s="61" t="str">
        <f>
IF(AI8="-","",IF(AI8="-","【-】","【"&amp;SUBSTITUTE(TEXT(AI8,"#,##0.0"),"-","△")&amp;"】"))</f>
        <v>
【630.7】</v>
      </c>
      <c r="AJ6" s="64">
        <f>
IF(AJ8="-",NA(),AJ8)</f>
        <v>
0</v>
      </c>
      <c r="AK6" s="64">
        <f t="shared" ref="AK6:AS6" si="3">
IF(AK8="-",NA(),AK8)</f>
        <v>
0</v>
      </c>
      <c r="AL6" s="64">
        <f t="shared" si="3"/>
        <v>
0</v>
      </c>
      <c r="AM6" s="64">
        <f t="shared" si="3"/>
        <v>
0</v>
      </c>
      <c r="AN6" s="64">
        <f t="shared" si="3"/>
        <v>
0</v>
      </c>
      <c r="AO6" s="64">
        <f t="shared" si="3"/>
        <v>
4.5999999999999996</v>
      </c>
      <c r="AP6" s="64">
        <f t="shared" si="3"/>
        <v>
4.5999999999999996</v>
      </c>
      <c r="AQ6" s="64">
        <f t="shared" si="3"/>
        <v>
3.9</v>
      </c>
      <c r="AR6" s="64">
        <f t="shared" si="3"/>
        <v>
4.2</v>
      </c>
      <c r="AS6" s="64">
        <f t="shared" si="3"/>
        <v>
6.6</v>
      </c>
      <c r="AT6" s="61" t="str">
        <f>
IF(AT8="-","",IF(AT8="-","【-】","【"&amp;SUBSTITUTE(TEXT(AT8,"#,##0.0"),"-","△")&amp;"】"))</f>
        <v>
【8.6】</v>
      </c>
      <c r="AU6" s="65">
        <f>
IF(AU8="-",NA(),AU8)</f>
        <v>
0</v>
      </c>
      <c r="AV6" s="65">
        <f t="shared" ref="AV6:BD6" si="4">
IF(AV8="-",NA(),AV8)</f>
        <v>
0</v>
      </c>
      <c r="AW6" s="65">
        <f t="shared" si="4"/>
        <v>
0</v>
      </c>
      <c r="AX6" s="65">
        <f t="shared" si="4"/>
        <v>
0</v>
      </c>
      <c r="AY6" s="65">
        <f t="shared" si="4"/>
        <v>
0</v>
      </c>
      <c r="AZ6" s="65">
        <f t="shared" si="4"/>
        <v>
42</v>
      </c>
      <c r="BA6" s="65">
        <f t="shared" si="4"/>
        <v>
45</v>
      </c>
      <c r="BB6" s="65">
        <f t="shared" si="4"/>
        <v>
47</v>
      </c>
      <c r="BC6" s="65">
        <f t="shared" si="4"/>
        <v>
46</v>
      </c>
      <c r="BD6" s="65">
        <f t="shared" si="4"/>
        <v>
67</v>
      </c>
      <c r="BE6" s="63" t="str">
        <f>
IF(BE8="-","",IF(BE8="-","【-】","【"&amp;SUBSTITUTE(TEXT(BE8,"#,##0"),"-","△")&amp;"】"))</f>
        <v>
【2,345】</v>
      </c>
      <c r="BF6" s="64">
        <f>
IF(BF8="-",NA(),BF8)</f>
        <v>
0</v>
      </c>
      <c r="BG6" s="64">
        <f t="shared" ref="BG6:BO6" si="5">
IF(BG8="-",NA(),BG8)</f>
        <v>
2.8</v>
      </c>
      <c r="BH6" s="64">
        <f t="shared" si="5"/>
        <v>
-10</v>
      </c>
      <c r="BI6" s="64">
        <f t="shared" si="5"/>
        <v>
10</v>
      </c>
      <c r="BJ6" s="64">
        <f t="shared" si="5"/>
        <v>
-4.2</v>
      </c>
      <c r="BK6" s="64">
        <f t="shared" si="5"/>
        <v>
14.1</v>
      </c>
      <c r="BL6" s="64">
        <f t="shared" si="5"/>
        <v>
5.4</v>
      </c>
      <c r="BM6" s="64">
        <f t="shared" si="5"/>
        <v>
0.3</v>
      </c>
      <c r="BN6" s="64">
        <f t="shared" si="5"/>
        <v>
-8.8000000000000007</v>
      </c>
      <c r="BO6" s="64">
        <f t="shared" si="5"/>
        <v>
-26.1</v>
      </c>
      <c r="BP6" s="61" t="str">
        <f>
IF(BP8="-","",IF(BP8="-","【-】","【"&amp;SUBSTITUTE(TEXT(BP8,"#,##0.0"),"-","△")&amp;"】"))</f>
        <v>
【△65.9】</v>
      </c>
      <c r="BQ6" s="65">
        <f>
IF(BQ8="-",NA(),BQ8)</f>
        <v>
-8</v>
      </c>
      <c r="BR6" s="65">
        <f t="shared" ref="BR6:BZ6" si="6">
IF(BR8="-",NA(),BR8)</f>
        <v>
1434</v>
      </c>
      <c r="BS6" s="65">
        <f t="shared" si="6"/>
        <v>
-4768</v>
      </c>
      <c r="BT6" s="65">
        <f t="shared" si="6"/>
        <v>
5127</v>
      </c>
      <c r="BU6" s="65">
        <f t="shared" si="6"/>
        <v>
-1968</v>
      </c>
      <c r="BV6" s="65">
        <f t="shared" si="6"/>
        <v>
20639</v>
      </c>
      <c r="BW6" s="65">
        <f t="shared" si="6"/>
        <v>
17398</v>
      </c>
      <c r="BX6" s="65">
        <f t="shared" si="6"/>
        <v>
17894</v>
      </c>
      <c r="BY6" s="65">
        <f t="shared" si="6"/>
        <v>
5568</v>
      </c>
      <c r="BZ6" s="65">
        <f t="shared" si="6"/>
        <v>
2220</v>
      </c>
      <c r="CA6" s="63" t="str">
        <f>
IF(CA8="-","",IF(CA8="-","【-】","【"&amp;SUBSTITUTE(TEXT(CA8,"#,##0"),"-","△")&amp;"】"))</f>
        <v>
【3,93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
118</v>
      </c>
      <c r="CM6" s="63">
        <f t="shared" ref="CM6:CN6" si="7">
CM8</f>
        <v>
0</v>
      </c>
      <c r="CN6" s="63">
        <f t="shared" si="7"/>
        <v>
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
119</v>
      </c>
      <c r="CZ6" s="64">
        <f>
IF(CZ8="-",NA(),CZ8)</f>
        <v>
0</v>
      </c>
      <c r="DA6" s="64">
        <f t="shared" ref="DA6:DI6" si="8">
IF(DA8="-",NA(),DA8)</f>
        <v>
0</v>
      </c>
      <c r="DB6" s="64">
        <f t="shared" si="8"/>
        <v>
0</v>
      </c>
      <c r="DC6" s="64">
        <f t="shared" si="8"/>
        <v>
0</v>
      </c>
      <c r="DD6" s="64">
        <f t="shared" si="8"/>
        <v>
0</v>
      </c>
      <c r="DE6" s="64">
        <f t="shared" si="8"/>
        <v>
151.5</v>
      </c>
      <c r="DF6" s="64">
        <f t="shared" si="8"/>
        <v>
137.6</v>
      </c>
      <c r="DG6" s="64">
        <f t="shared" si="8"/>
        <v>
112.5</v>
      </c>
      <c r="DH6" s="64">
        <f t="shared" si="8"/>
        <v>
119</v>
      </c>
      <c r="DI6" s="64">
        <f t="shared" si="8"/>
        <v>
145.19999999999999</v>
      </c>
      <c r="DJ6" s="61" t="str">
        <f>
IF(DJ8="-","",IF(DJ8="-","【-】","【"&amp;SUBSTITUTE(TEXT(DJ8,"#,##0.0"),"-","△")&amp;"】"))</f>
        <v>
【183.4】</v>
      </c>
      <c r="DK6" s="64">
        <f>
IF(DK8="-",NA(),DK8)</f>
        <v>
135.80000000000001</v>
      </c>
      <c r="DL6" s="64">
        <f t="shared" ref="DL6:DT6" si="9">
IF(DL8="-",NA(),DL8)</f>
        <v>
128.4</v>
      </c>
      <c r="DM6" s="64">
        <f t="shared" si="9"/>
        <v>
132.1</v>
      </c>
      <c r="DN6" s="64">
        <f t="shared" si="9"/>
        <v>
131.30000000000001</v>
      </c>
      <c r="DO6" s="64">
        <f t="shared" si="9"/>
        <v>
108.2</v>
      </c>
      <c r="DP6" s="64">
        <f t="shared" si="9"/>
        <v>
168.2</v>
      </c>
      <c r="DQ6" s="64">
        <f t="shared" si="9"/>
        <v>
165.8</v>
      </c>
      <c r="DR6" s="64">
        <f t="shared" si="9"/>
        <v>
164.3</v>
      </c>
      <c r="DS6" s="64">
        <f t="shared" si="9"/>
        <v>
158</v>
      </c>
      <c r="DT6" s="64">
        <f t="shared" si="9"/>
        <v>
131</v>
      </c>
      <c r="DU6" s="61" t="str">
        <f>
IF(DU8="-","",IF(DU8="-","【-】","【"&amp;SUBSTITUTE(TEXT(DU8,"#,##0.0"),"-","△")&amp;"】"))</f>
        <v>
【164.2】</v>
      </c>
    </row>
    <row r="7" spans="1:125" s="66" customFormat="1" x14ac:dyDescent="0.2">
      <c r="A7" s="49" t="s">
        <v>
120</v>
      </c>
      <c r="B7" s="60">
        <f t="shared" ref="B7:X7" si="10">
B8</f>
        <v>
2020</v>
      </c>
      <c r="C7" s="60">
        <f t="shared" si="10"/>
        <v>
131024</v>
      </c>
      <c r="D7" s="60">
        <f t="shared" si="10"/>
        <v>
47</v>
      </c>
      <c r="E7" s="60">
        <f t="shared" si="10"/>
        <v>
14</v>
      </c>
      <c r="F7" s="60">
        <f t="shared" si="10"/>
        <v>
0</v>
      </c>
      <c r="G7" s="60">
        <f t="shared" si="10"/>
        <v>
2</v>
      </c>
      <c r="H7" s="60" t="str">
        <f t="shared" si="10"/>
        <v>
東京都　中央区</v>
      </c>
      <c r="I7" s="60" t="str">
        <f t="shared" si="10"/>
        <v>
銀座地下駐車場</v>
      </c>
      <c r="J7" s="60" t="str">
        <f t="shared" si="10"/>
        <v>
法非適用</v>
      </c>
      <c r="K7" s="60" t="str">
        <f t="shared" si="10"/>
        <v>
駐車場整備事業</v>
      </c>
      <c r="L7" s="60" t="str">
        <f t="shared" si="10"/>
        <v>
-</v>
      </c>
      <c r="M7" s="60" t="str">
        <f t="shared" si="10"/>
        <v>
Ａ２Ｂ２</v>
      </c>
      <c r="N7" s="60" t="str">
        <f t="shared" si="10"/>
        <v>
非設置</v>
      </c>
      <c r="O7" s="61" t="str">
        <f t="shared" si="10"/>
        <v>
該当数値なし</v>
      </c>
      <c r="P7" s="62" t="str">
        <f t="shared" si="10"/>
        <v>
都市計画駐車場 届出駐車場</v>
      </c>
      <c r="Q7" s="62" t="str">
        <f t="shared" si="10"/>
        <v>
地下式</v>
      </c>
      <c r="R7" s="63">
        <f t="shared" si="10"/>
        <v>
21</v>
      </c>
      <c r="S7" s="62" t="str">
        <f t="shared" si="10"/>
        <v>
公共施設</v>
      </c>
      <c r="T7" s="62" t="str">
        <f t="shared" si="10"/>
        <v>
有</v>
      </c>
      <c r="U7" s="63">
        <f t="shared" si="10"/>
        <v>
5378</v>
      </c>
      <c r="V7" s="63">
        <f t="shared" si="10"/>
        <v>
134</v>
      </c>
      <c r="W7" s="63">
        <f t="shared" si="10"/>
        <v>
400</v>
      </c>
      <c r="X7" s="62" t="str">
        <f t="shared" si="10"/>
        <v>
無</v>
      </c>
      <c r="Y7" s="64">
        <f>
Y8</f>
        <v>
100</v>
      </c>
      <c r="Z7" s="64">
        <f t="shared" ref="Z7:AH7" si="11">
Z8</f>
        <v>
102.9</v>
      </c>
      <c r="AA7" s="64">
        <f t="shared" si="11"/>
        <v>
91</v>
      </c>
      <c r="AB7" s="64">
        <f t="shared" si="11"/>
        <v>
111</v>
      </c>
      <c r="AC7" s="64">
        <f t="shared" si="11"/>
        <v>
96</v>
      </c>
      <c r="AD7" s="64">
        <f t="shared" si="11"/>
        <v>
142.1</v>
      </c>
      <c r="AE7" s="64">
        <f t="shared" si="11"/>
        <v>
135.1</v>
      </c>
      <c r="AF7" s="64">
        <f t="shared" si="11"/>
        <v>
153.30000000000001</v>
      </c>
      <c r="AG7" s="64">
        <f t="shared" si="11"/>
        <v>
137.6</v>
      </c>
      <c r="AH7" s="64">
        <f t="shared" si="11"/>
        <v>
127.8</v>
      </c>
      <c r="AI7" s="61"/>
      <c r="AJ7" s="64">
        <f>
AJ8</f>
        <v>
0</v>
      </c>
      <c r="AK7" s="64">
        <f t="shared" ref="AK7:AS7" si="12">
AK8</f>
        <v>
0</v>
      </c>
      <c r="AL7" s="64">
        <f t="shared" si="12"/>
        <v>
0</v>
      </c>
      <c r="AM7" s="64">
        <f t="shared" si="12"/>
        <v>
0</v>
      </c>
      <c r="AN7" s="64">
        <f t="shared" si="12"/>
        <v>
0</v>
      </c>
      <c r="AO7" s="64">
        <f t="shared" si="12"/>
        <v>
4.5999999999999996</v>
      </c>
      <c r="AP7" s="64">
        <f t="shared" si="12"/>
        <v>
4.5999999999999996</v>
      </c>
      <c r="AQ7" s="64">
        <f t="shared" si="12"/>
        <v>
3.9</v>
      </c>
      <c r="AR7" s="64">
        <f t="shared" si="12"/>
        <v>
4.2</v>
      </c>
      <c r="AS7" s="64">
        <f t="shared" si="12"/>
        <v>
6.6</v>
      </c>
      <c r="AT7" s="61"/>
      <c r="AU7" s="65">
        <f>
AU8</f>
        <v>
0</v>
      </c>
      <c r="AV7" s="65">
        <f t="shared" ref="AV7:BD7" si="13">
AV8</f>
        <v>
0</v>
      </c>
      <c r="AW7" s="65">
        <f t="shared" si="13"/>
        <v>
0</v>
      </c>
      <c r="AX7" s="65">
        <f t="shared" si="13"/>
        <v>
0</v>
      </c>
      <c r="AY7" s="65">
        <f t="shared" si="13"/>
        <v>
0</v>
      </c>
      <c r="AZ7" s="65">
        <f t="shared" si="13"/>
        <v>
42</v>
      </c>
      <c r="BA7" s="65">
        <f t="shared" si="13"/>
        <v>
45</v>
      </c>
      <c r="BB7" s="65">
        <f t="shared" si="13"/>
        <v>
47</v>
      </c>
      <c r="BC7" s="65">
        <f t="shared" si="13"/>
        <v>
46</v>
      </c>
      <c r="BD7" s="65">
        <f t="shared" si="13"/>
        <v>
67</v>
      </c>
      <c r="BE7" s="63"/>
      <c r="BF7" s="64">
        <f>
BF8</f>
        <v>
0</v>
      </c>
      <c r="BG7" s="64">
        <f t="shared" ref="BG7:BO7" si="14">
BG8</f>
        <v>
2.8</v>
      </c>
      <c r="BH7" s="64">
        <f t="shared" si="14"/>
        <v>
-10</v>
      </c>
      <c r="BI7" s="64">
        <f t="shared" si="14"/>
        <v>
10</v>
      </c>
      <c r="BJ7" s="64">
        <f t="shared" si="14"/>
        <v>
-4.2</v>
      </c>
      <c r="BK7" s="64">
        <f t="shared" si="14"/>
        <v>
14.1</v>
      </c>
      <c r="BL7" s="64">
        <f t="shared" si="14"/>
        <v>
5.4</v>
      </c>
      <c r="BM7" s="64">
        <f t="shared" si="14"/>
        <v>
0.3</v>
      </c>
      <c r="BN7" s="64">
        <f t="shared" si="14"/>
        <v>
-8.8000000000000007</v>
      </c>
      <c r="BO7" s="64">
        <f t="shared" si="14"/>
        <v>
-26.1</v>
      </c>
      <c r="BP7" s="61"/>
      <c r="BQ7" s="65">
        <f>
BQ8</f>
        <v>
-8</v>
      </c>
      <c r="BR7" s="65">
        <f t="shared" ref="BR7:BZ7" si="15">
BR8</f>
        <v>
1434</v>
      </c>
      <c r="BS7" s="65">
        <f t="shared" si="15"/>
        <v>
-4768</v>
      </c>
      <c r="BT7" s="65">
        <f t="shared" si="15"/>
        <v>
5127</v>
      </c>
      <c r="BU7" s="65">
        <f t="shared" si="15"/>
        <v>
-1968</v>
      </c>
      <c r="BV7" s="65">
        <f t="shared" si="15"/>
        <v>
20639</v>
      </c>
      <c r="BW7" s="65">
        <f t="shared" si="15"/>
        <v>
17398</v>
      </c>
      <c r="BX7" s="65">
        <f t="shared" si="15"/>
        <v>
17894</v>
      </c>
      <c r="BY7" s="65">
        <f t="shared" si="15"/>
        <v>
5568</v>
      </c>
      <c r="BZ7" s="65">
        <f t="shared" si="15"/>
        <v>
2220</v>
      </c>
      <c r="CA7" s="63"/>
      <c r="CB7" s="64" t="s">
        <v>
121</v>
      </c>
      <c r="CC7" s="64" t="s">
        <v>
121</v>
      </c>
      <c r="CD7" s="64" t="s">
        <v>
121</v>
      </c>
      <c r="CE7" s="64" t="s">
        <v>
121</v>
      </c>
      <c r="CF7" s="64" t="s">
        <v>
121</v>
      </c>
      <c r="CG7" s="64" t="s">
        <v>
121</v>
      </c>
      <c r="CH7" s="64" t="s">
        <v>
121</v>
      </c>
      <c r="CI7" s="64" t="s">
        <v>
121</v>
      </c>
      <c r="CJ7" s="64" t="s">
        <v>
121</v>
      </c>
      <c r="CK7" s="64" t="s">
        <v>
122</v>
      </c>
      <c r="CL7" s="61"/>
      <c r="CM7" s="63">
        <f>
CM8</f>
        <v>
0</v>
      </c>
      <c r="CN7" s="63">
        <f>
CN8</f>
        <v>
0</v>
      </c>
      <c r="CO7" s="64" t="s">
        <v>
121</v>
      </c>
      <c r="CP7" s="64" t="s">
        <v>
121</v>
      </c>
      <c r="CQ7" s="64" t="s">
        <v>
121</v>
      </c>
      <c r="CR7" s="64" t="s">
        <v>
121</v>
      </c>
      <c r="CS7" s="64" t="s">
        <v>
121</v>
      </c>
      <c r="CT7" s="64" t="s">
        <v>
121</v>
      </c>
      <c r="CU7" s="64" t="s">
        <v>
121</v>
      </c>
      <c r="CV7" s="64" t="s">
        <v>
121</v>
      </c>
      <c r="CW7" s="64" t="s">
        <v>
121</v>
      </c>
      <c r="CX7" s="64" t="s">
        <v>
123</v>
      </c>
      <c r="CY7" s="61"/>
      <c r="CZ7" s="64">
        <f>
CZ8</f>
        <v>
0</v>
      </c>
      <c r="DA7" s="64">
        <f t="shared" ref="DA7:DI7" si="16">
DA8</f>
        <v>
0</v>
      </c>
      <c r="DB7" s="64">
        <f t="shared" si="16"/>
        <v>
0</v>
      </c>
      <c r="DC7" s="64">
        <f t="shared" si="16"/>
        <v>
0</v>
      </c>
      <c r="DD7" s="64">
        <f t="shared" si="16"/>
        <v>
0</v>
      </c>
      <c r="DE7" s="64">
        <f t="shared" si="16"/>
        <v>
151.5</v>
      </c>
      <c r="DF7" s="64">
        <f t="shared" si="16"/>
        <v>
137.6</v>
      </c>
      <c r="DG7" s="64">
        <f t="shared" si="16"/>
        <v>
112.5</v>
      </c>
      <c r="DH7" s="64">
        <f t="shared" si="16"/>
        <v>
119</v>
      </c>
      <c r="DI7" s="64">
        <f t="shared" si="16"/>
        <v>
145.19999999999999</v>
      </c>
      <c r="DJ7" s="61"/>
      <c r="DK7" s="64">
        <f>
DK8</f>
        <v>
135.80000000000001</v>
      </c>
      <c r="DL7" s="64">
        <f t="shared" ref="DL7:DT7" si="17">
DL8</f>
        <v>
128.4</v>
      </c>
      <c r="DM7" s="64">
        <f t="shared" si="17"/>
        <v>
132.1</v>
      </c>
      <c r="DN7" s="64">
        <f t="shared" si="17"/>
        <v>
131.30000000000001</v>
      </c>
      <c r="DO7" s="64">
        <f t="shared" si="17"/>
        <v>
108.2</v>
      </c>
      <c r="DP7" s="64">
        <f t="shared" si="17"/>
        <v>
168.2</v>
      </c>
      <c r="DQ7" s="64">
        <f t="shared" si="17"/>
        <v>
165.8</v>
      </c>
      <c r="DR7" s="64">
        <f t="shared" si="17"/>
        <v>
164.3</v>
      </c>
      <c r="DS7" s="64">
        <f t="shared" si="17"/>
        <v>
158</v>
      </c>
      <c r="DT7" s="64">
        <f t="shared" si="17"/>
        <v>
131</v>
      </c>
      <c r="DU7" s="61"/>
    </row>
    <row r="8" spans="1:125" s="66" customFormat="1" x14ac:dyDescent="0.2">
      <c r="A8" s="49"/>
      <c r="B8" s="67">
        <v>
2020</v>
      </c>
      <c r="C8" s="67">
        <v>
131024</v>
      </c>
      <c r="D8" s="67">
        <v>
47</v>
      </c>
      <c r="E8" s="67">
        <v>
14</v>
      </c>
      <c r="F8" s="67">
        <v>
0</v>
      </c>
      <c r="G8" s="67">
        <v>
2</v>
      </c>
      <c r="H8" s="67" t="s">
        <v>
124</v>
      </c>
      <c r="I8" s="67" t="s">
        <v>
125</v>
      </c>
      <c r="J8" s="67" t="s">
        <v>
126</v>
      </c>
      <c r="K8" s="67" t="s">
        <v>
127</v>
      </c>
      <c r="L8" s="67" t="s">
        <v>
128</v>
      </c>
      <c r="M8" s="67" t="s">
        <v>
129</v>
      </c>
      <c r="N8" s="67" t="s">
        <v>
130</v>
      </c>
      <c r="O8" s="68" t="s">
        <v>
131</v>
      </c>
      <c r="P8" s="69" t="s">
        <v>
132</v>
      </c>
      <c r="Q8" s="69" t="s">
        <v>
133</v>
      </c>
      <c r="R8" s="70">
        <v>
21</v>
      </c>
      <c r="S8" s="69" t="s">
        <v>
134</v>
      </c>
      <c r="T8" s="69" t="s">
        <v>
135</v>
      </c>
      <c r="U8" s="70">
        <v>
5378</v>
      </c>
      <c r="V8" s="70">
        <v>
134</v>
      </c>
      <c r="W8" s="70">
        <v>
400</v>
      </c>
      <c r="X8" s="69" t="s">
        <v>
136</v>
      </c>
      <c r="Y8" s="71">
        <v>
100</v>
      </c>
      <c r="Z8" s="71">
        <v>
102.9</v>
      </c>
      <c r="AA8" s="71">
        <v>
91</v>
      </c>
      <c r="AB8" s="71">
        <v>
111</v>
      </c>
      <c r="AC8" s="71">
        <v>
96</v>
      </c>
      <c r="AD8" s="71">
        <v>
142.1</v>
      </c>
      <c r="AE8" s="71">
        <v>
135.1</v>
      </c>
      <c r="AF8" s="71">
        <v>
153.30000000000001</v>
      </c>
      <c r="AG8" s="71">
        <v>
137.6</v>
      </c>
      <c r="AH8" s="71">
        <v>
127.8</v>
      </c>
      <c r="AI8" s="68">
        <v>
630.70000000000005</v>
      </c>
      <c r="AJ8" s="71">
        <v>
0</v>
      </c>
      <c r="AK8" s="71">
        <v>
0</v>
      </c>
      <c r="AL8" s="71">
        <v>
0</v>
      </c>
      <c r="AM8" s="71">
        <v>
0</v>
      </c>
      <c r="AN8" s="71">
        <v>
0</v>
      </c>
      <c r="AO8" s="71">
        <v>
4.5999999999999996</v>
      </c>
      <c r="AP8" s="71">
        <v>
4.5999999999999996</v>
      </c>
      <c r="AQ8" s="71">
        <v>
3.9</v>
      </c>
      <c r="AR8" s="71">
        <v>
4.2</v>
      </c>
      <c r="AS8" s="71">
        <v>
6.6</v>
      </c>
      <c r="AT8" s="68">
        <v>
8.6</v>
      </c>
      <c r="AU8" s="72">
        <v>
0</v>
      </c>
      <c r="AV8" s="72">
        <v>
0</v>
      </c>
      <c r="AW8" s="72">
        <v>
0</v>
      </c>
      <c r="AX8" s="72">
        <v>
0</v>
      </c>
      <c r="AY8" s="72">
        <v>
0</v>
      </c>
      <c r="AZ8" s="72">
        <v>
42</v>
      </c>
      <c r="BA8" s="72">
        <v>
45</v>
      </c>
      <c r="BB8" s="72">
        <v>
47</v>
      </c>
      <c r="BC8" s="72">
        <v>
46</v>
      </c>
      <c r="BD8" s="72">
        <v>
67</v>
      </c>
      <c r="BE8" s="72">
        <v>
2345</v>
      </c>
      <c r="BF8" s="71">
        <v>
0</v>
      </c>
      <c r="BG8" s="71">
        <v>
2.8</v>
      </c>
      <c r="BH8" s="71">
        <v>
-10</v>
      </c>
      <c r="BI8" s="71">
        <v>
10</v>
      </c>
      <c r="BJ8" s="71">
        <v>
-4.2</v>
      </c>
      <c r="BK8" s="71">
        <v>
14.1</v>
      </c>
      <c r="BL8" s="71">
        <v>
5.4</v>
      </c>
      <c r="BM8" s="71">
        <v>
0.3</v>
      </c>
      <c r="BN8" s="71">
        <v>
-8.8000000000000007</v>
      </c>
      <c r="BO8" s="71">
        <v>
-26.1</v>
      </c>
      <c r="BP8" s="68">
        <v>
-65.900000000000006</v>
      </c>
      <c r="BQ8" s="72">
        <v>
-8</v>
      </c>
      <c r="BR8" s="72">
        <v>
1434</v>
      </c>
      <c r="BS8" s="72">
        <v>
-4768</v>
      </c>
      <c r="BT8" s="73">
        <v>
5127</v>
      </c>
      <c r="BU8" s="73">
        <v>
-1968</v>
      </c>
      <c r="BV8" s="72">
        <v>
20639</v>
      </c>
      <c r="BW8" s="72">
        <v>
17398</v>
      </c>
      <c r="BX8" s="72">
        <v>
17894</v>
      </c>
      <c r="BY8" s="72">
        <v>
5568</v>
      </c>
      <c r="BZ8" s="72">
        <v>
2220</v>
      </c>
      <c r="CA8" s="70">
        <v>
3932</v>
      </c>
      <c r="CB8" s="71" t="s">
        <v>
128</v>
      </c>
      <c r="CC8" s="71" t="s">
        <v>
128</v>
      </c>
      <c r="CD8" s="71" t="s">
        <v>
128</v>
      </c>
      <c r="CE8" s="71" t="s">
        <v>
128</v>
      </c>
      <c r="CF8" s="71" t="s">
        <v>
128</v>
      </c>
      <c r="CG8" s="71" t="s">
        <v>
128</v>
      </c>
      <c r="CH8" s="71" t="s">
        <v>
128</v>
      </c>
      <c r="CI8" s="71" t="s">
        <v>
128</v>
      </c>
      <c r="CJ8" s="71" t="s">
        <v>
128</v>
      </c>
      <c r="CK8" s="71" t="s">
        <v>
128</v>
      </c>
      <c r="CL8" s="68" t="s">
        <v>
128</v>
      </c>
      <c r="CM8" s="70">
        <v>
0</v>
      </c>
      <c r="CN8" s="70">
        <v>
0</v>
      </c>
      <c r="CO8" s="71" t="s">
        <v>
128</v>
      </c>
      <c r="CP8" s="71" t="s">
        <v>
128</v>
      </c>
      <c r="CQ8" s="71" t="s">
        <v>
128</v>
      </c>
      <c r="CR8" s="71" t="s">
        <v>
128</v>
      </c>
      <c r="CS8" s="71" t="s">
        <v>
128</v>
      </c>
      <c r="CT8" s="71" t="s">
        <v>
128</v>
      </c>
      <c r="CU8" s="71" t="s">
        <v>
128</v>
      </c>
      <c r="CV8" s="71" t="s">
        <v>
128</v>
      </c>
      <c r="CW8" s="71" t="s">
        <v>
128</v>
      </c>
      <c r="CX8" s="71" t="s">
        <v>
128</v>
      </c>
      <c r="CY8" s="68" t="s">
        <v>
128</v>
      </c>
      <c r="CZ8" s="71">
        <v>
0</v>
      </c>
      <c r="DA8" s="71">
        <v>
0</v>
      </c>
      <c r="DB8" s="71">
        <v>
0</v>
      </c>
      <c r="DC8" s="71">
        <v>
0</v>
      </c>
      <c r="DD8" s="71">
        <v>
0</v>
      </c>
      <c r="DE8" s="71">
        <v>
151.5</v>
      </c>
      <c r="DF8" s="71">
        <v>
137.6</v>
      </c>
      <c r="DG8" s="71">
        <v>
112.5</v>
      </c>
      <c r="DH8" s="71">
        <v>
119</v>
      </c>
      <c r="DI8" s="71">
        <v>
145.19999999999999</v>
      </c>
      <c r="DJ8" s="68">
        <v>
183.4</v>
      </c>
      <c r="DK8" s="71">
        <v>
135.80000000000001</v>
      </c>
      <c r="DL8" s="71">
        <v>
128.4</v>
      </c>
      <c r="DM8" s="71">
        <v>
132.1</v>
      </c>
      <c r="DN8" s="71">
        <v>
131.30000000000001</v>
      </c>
      <c r="DO8" s="71">
        <v>
108.2</v>
      </c>
      <c r="DP8" s="71">
        <v>
168.2</v>
      </c>
      <c r="DQ8" s="71">
        <v>
165.8</v>
      </c>
      <c r="DR8" s="71">
        <v>
164.3</v>
      </c>
      <c r="DS8" s="71">
        <v>
158</v>
      </c>
      <c r="DT8" s="71">
        <v>
131</v>
      </c>
      <c r="DU8" s="68">
        <v>
164.2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
137</v>
      </c>
      <c r="C10" s="78" t="s">
        <v>
138</v>
      </c>
      <c r="D10" s="78" t="s">
        <v>
139</v>
      </c>
      <c r="E10" s="78" t="s">
        <v>
140</v>
      </c>
      <c r="F10" s="78" t="s">
        <v>
141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
53</v>
      </c>
      <c r="B11" s="79" t="str">
        <f>
IF(VALUE($B$6)=0,"",IF(VALUE($B$6)&gt;2022,"R"&amp;TEXT(VALUE($B$6)-2022,"00"),"H"&amp;VALUE($B$6)-1992))</f>
        <v>
H28</v>
      </c>
      <c r="C11" s="79" t="str">
        <f>
IF(VALUE($B$6)=0,"",IF(VALUE($B$6)&gt;2021,"R"&amp;TEXT(VALUE($B$6)-2021,"00"),"H"&amp;VALUE($B$6)-1991))</f>
        <v>
H29</v>
      </c>
      <c r="D11" s="79" t="str">
        <f>
IF(VALUE($B$6)=0,"",IF(VALUE($B$6)&gt;2020,"R"&amp;TEXT(VALUE($B$6)-2020,"00"),"H"&amp;VALUE($B$6)-1990))</f>
        <v>
H30</v>
      </c>
      <c r="E11" s="79" t="str">
        <f>
IF(VALUE($B$6)=0,"",IF(VALUE($B$6)&gt;2019,"R"&amp;TEXT(VALUE($B$6)-2019,"00"),"H"&amp;VALUE($B$6)-1989))</f>
        <v>
R01</v>
      </c>
      <c r="F11" s="79" t="str">
        <f>
IF(VALUE($B$6)=0,"",IF(VALUE($B$6)&gt;2018,"R"&amp;TEXT(VALUE($B$6)-2018,"00"),"H"&amp;VALUE($B$6)-1988))</f>
        <v>
R02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</cp:lastModifiedBy>
  <dcterms:created xsi:type="dcterms:W3CDTF">2021-12-17T06:01:02Z</dcterms:created>
  <dcterms:modified xsi:type="dcterms:W3CDTF">2022-02-16T07:18:10Z</dcterms:modified>
  <cp:category/>
</cp:coreProperties>
</file>